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したものからこちらに格納してください\地域密着型サービス・居宅介護支援\"/>
    </mc:Choice>
  </mc:AlternateContent>
  <bookViews>
    <workbookView xWindow="0" yWindow="0" windowWidth="28800" windowHeight="11400"/>
  </bookViews>
  <sheets>
    <sheet name="添付書類一覧（小規模多機能型居宅介護）" sheetId="5" r:id="rId1"/>
    <sheet name="別紙5-2" sheetId="15" r:id="rId2"/>
    <sheet name="別紙７-a" sheetId="12" r:id="rId3"/>
    <sheet name="別紙13" sheetId="17" r:id="rId4"/>
    <sheet name="別紙14－5" sheetId="19" r:id="rId5"/>
    <sheet name="別紙28" sheetId="13" r:id="rId6"/>
    <sheet name="別紙28-2" sheetId="14" r:id="rId7"/>
    <sheet name="別紙42" sheetId="16" r:id="rId8"/>
    <sheet name="別紙44" sheetId="11" r:id="rId9"/>
    <sheet name="別紙45" sheetId="18" r:id="rId10"/>
  </sheets>
  <externalReferences>
    <externalReference r:id="rId11"/>
    <externalReference r:id="rId12"/>
    <externalReference r:id="rId13"/>
  </externalReferences>
  <definedNames>
    <definedName name="ｋ">#N/A</definedName>
    <definedName name="_xlnm.Print_Area" localSheetId="3">別紙13!$A$1:$Y$38</definedName>
    <definedName name="_xlnm.Print_Area" localSheetId="4">'別紙14－5'!$A$1:$AD$60</definedName>
    <definedName name="_xlnm.Print_Area" localSheetId="5">別紙28!$A$1:$AB$74</definedName>
    <definedName name="_xlnm.Print_Area" localSheetId="7">別紙42!$A$1:$Y$60</definedName>
    <definedName name="_xlnm.Print_Area" localSheetId="8">別紙44!$A$1:$AD$53</definedName>
    <definedName name="_xlnm.Print_Area" localSheetId="9">別紙45!$A$1:$AC$34</definedName>
    <definedName name="_xlnm.Print_Area" localSheetId="1">'別紙5-2'!$A$1:$AF$57</definedName>
    <definedName name="_xlnm.Print_Area" localSheetId="2">'別紙７-a'!$A$1:$AI$63</definedName>
    <definedName name="_xlnm.Print_Titles" localSheetId="0">'添付書類一覧（小規模多機能型居宅介護）'!$1:$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 name="数">#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04" uniqueCount="465">
  <si>
    <t>□</t>
  </si>
  <si>
    <t>小規模多機能型居宅介護</t>
    <rPh sb="0" eb="3">
      <t>ショウキボ</t>
    </rPh>
    <rPh sb="3" eb="6">
      <t>タキノウ</t>
    </rPh>
    <rPh sb="6" eb="7">
      <t>ガタ</t>
    </rPh>
    <rPh sb="7" eb="9">
      <t>キョタク</t>
    </rPh>
    <rPh sb="9" eb="11">
      <t>カイゴ</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t>認知症対応型共同生活介護</t>
    <rPh sb="0" eb="3">
      <t>ニンチショウ</t>
    </rPh>
    <rPh sb="3" eb="6">
      <t>タイオウガタ</t>
    </rPh>
    <rPh sb="6" eb="8">
      <t>キョウドウ</t>
    </rPh>
    <rPh sb="8" eb="10">
      <t>セイカツ</t>
    </rPh>
    <rPh sb="10" eb="12">
      <t>カイゴ</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月</t>
    <rPh sb="0" eb="1">
      <t>ゲツ</t>
    </rPh>
    <phoneticPr fontId="3"/>
  </si>
  <si>
    <t>年</t>
    <rPh sb="0" eb="1">
      <t>ネン</t>
    </rPh>
    <phoneticPr fontId="3"/>
  </si>
  <si>
    <t>令和</t>
    <rPh sb="0" eb="2">
      <t>レイワ</t>
    </rPh>
    <phoneticPr fontId="3"/>
  </si>
  <si>
    <t>内容</t>
    <rPh sb="0" eb="2">
      <t>ナイヨウ</t>
    </rPh>
    <phoneticPr fontId="3"/>
  </si>
  <si>
    <t>添付書類</t>
    <rPh sb="0" eb="2">
      <t>テンプ</t>
    </rPh>
    <rPh sb="2" eb="4">
      <t>ショルイ</t>
    </rPh>
    <phoneticPr fontId="3"/>
  </si>
  <si>
    <t>備考</t>
    <rPh sb="0" eb="2">
      <t>ビコウ</t>
    </rPh>
    <phoneticPr fontId="3"/>
  </si>
  <si>
    <t>高齢者虐待防止措置実施の有無</t>
  </si>
  <si>
    <t>事 業 所 名</t>
  </si>
  <si>
    <t>異動等区分</t>
    <phoneticPr fontId="3"/>
  </si>
  <si>
    <t>1　新規</t>
    <phoneticPr fontId="3"/>
  </si>
  <si>
    <t>2　変更</t>
    <phoneticPr fontId="3"/>
  </si>
  <si>
    <t>3　終了</t>
    <phoneticPr fontId="3"/>
  </si>
  <si>
    <t>有</t>
    <rPh sb="0" eb="1">
      <t>ア</t>
    </rPh>
    <phoneticPr fontId="3"/>
  </si>
  <si>
    <t>無</t>
    <rPh sb="0" eb="1">
      <t>ナ</t>
    </rPh>
    <phoneticPr fontId="3"/>
  </si>
  <si>
    <t>・</t>
    <phoneticPr fontId="3"/>
  </si>
  <si>
    <t>②</t>
    <phoneticPr fontId="3"/>
  </si>
  <si>
    <t>④</t>
    <phoneticPr fontId="3"/>
  </si>
  <si>
    <t>⑤</t>
    <phoneticPr fontId="3"/>
  </si>
  <si>
    <t>⑥</t>
    <phoneticPr fontId="3"/>
  </si>
  <si>
    <t>備考　要件を満たすことが分かる根拠書類を準備し、指定権者からの求めがあった場合には、</t>
    <phoneticPr fontId="3"/>
  </si>
  <si>
    <t>　　速やかに提出すること。</t>
    <rPh sb="2" eb="3">
      <t>スミ</t>
    </rPh>
    <rPh sb="6" eb="8">
      <t>テイシュツ</t>
    </rPh>
    <phoneticPr fontId="3"/>
  </si>
  <si>
    <t>月</t>
    <rPh sb="0" eb="1">
      <t>ガツ</t>
    </rPh>
    <phoneticPr fontId="3"/>
  </si>
  <si>
    <t>日</t>
    <rPh sb="0" eb="1">
      <t>ニチ</t>
    </rPh>
    <phoneticPr fontId="3"/>
  </si>
  <si>
    <t>事 業 所 名</t>
    <phoneticPr fontId="3"/>
  </si>
  <si>
    <t>届 出 項 目</t>
    <phoneticPr fontId="3"/>
  </si>
  <si>
    <t>人</t>
    <rPh sb="0" eb="1">
      <t>ヒト</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３以上</t>
    <rPh sb="1" eb="3">
      <t>イジョウ</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５以上</t>
    <rPh sb="1" eb="3">
      <t>イジョウ</t>
    </rPh>
    <phoneticPr fontId="3"/>
  </si>
  <si>
    <t>60以上70未満</t>
    <rPh sb="2" eb="4">
      <t>イジョウ</t>
    </rPh>
    <rPh sb="6" eb="8">
      <t>ミマン</t>
    </rPh>
    <phoneticPr fontId="3"/>
  </si>
  <si>
    <t>６以上</t>
    <rPh sb="1" eb="3">
      <t>イジョウ</t>
    </rPh>
    <phoneticPr fontId="3"/>
  </si>
  <si>
    <t>従業者の勤務の体制及び勤務形態一覧表　（　　　　年　　　月分）</t>
    <phoneticPr fontId="3"/>
  </si>
  <si>
    <t>サービス種類（　　　　　　　　　　　　　　　　　　　　　）</t>
    <phoneticPr fontId="3"/>
  </si>
  <si>
    <t>「人員配置区分―　　型」又は「該当する体制等―　　　　　」</t>
    <phoneticPr fontId="3"/>
  </si>
  <si>
    <t>第1週</t>
  </si>
  <si>
    <t>第2週</t>
  </si>
  <si>
    <t>第3週</t>
  </si>
  <si>
    <t>第4週</t>
  </si>
  <si>
    <t>週平均　　　　　　　　　の勤務　　　　　　　　　　　　　時間</t>
    <phoneticPr fontId="3"/>
  </si>
  <si>
    <t>常勤換　　　　　　　　　算後の　　　　　　　　　　　　人数　</t>
    <rPh sb="27" eb="29">
      <t>ニンズウ</t>
    </rPh>
    <phoneticPr fontId="3"/>
  </si>
  <si>
    <t>＊</t>
  </si>
  <si>
    <t>①</t>
  </si>
  <si>
    <t>③</t>
  </si>
  <si>
    <t>②</t>
  </si>
  <si>
    <t>④</t>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看護師：准看護師 （夜間）</t>
    <rPh sb="2" eb="3">
      <t>シ</t>
    </rPh>
    <rPh sb="7" eb="8">
      <t>シ</t>
    </rPh>
    <rPh sb="10" eb="12">
      <t>ヤカン</t>
    </rPh>
    <phoneticPr fontId="3"/>
  </si>
  <si>
    <t>　　　　（記載例2―サービス提供時間 a 9：00～12：00、b 13：00～16：00、c 10：30～13：30、d 14：30～17：30、e 休日）</t>
    <phoneticPr fontId="3"/>
  </si>
  <si>
    <t>　　　　　※複数単位実施の場合、その全てを記入のこと。</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勤務形態、氏名、当該業務の勤務時間及び看護職員と介護職員の配置状況(関係する場合)が確認できる場合はその書類をもって添付書類として</t>
    <phoneticPr fontId="3"/>
  </si>
  <si>
    <t>　2　適用開始年月日</t>
    <rPh sb="3" eb="5">
      <t>テキヨウ</t>
    </rPh>
    <rPh sb="5" eb="7">
      <t>カイシ</t>
    </rPh>
    <rPh sb="7" eb="10">
      <t>ネンガッピ</t>
    </rPh>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t>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3"/>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3"/>
  </si>
  <si>
    <t>介護予防認知症対応型
通所介護</t>
    <rPh sb="0" eb="2">
      <t>カイゴ</t>
    </rPh>
    <rPh sb="2" eb="4">
      <t>ヨボウ</t>
    </rPh>
    <rPh sb="4" eb="7">
      <t>ニンチショウ</t>
    </rPh>
    <rPh sb="7" eb="10">
      <t>タイオウガタ</t>
    </rPh>
    <rPh sb="11" eb="13">
      <t>ツウショ</t>
    </rPh>
    <rPh sb="13" eb="15">
      <t>カイゴ</t>
    </rPh>
    <phoneticPr fontId="3"/>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3"/>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3"/>
  </si>
  <si>
    <t>適用条件</t>
    <rPh sb="0" eb="2">
      <t>テキヨウ</t>
    </rPh>
    <rPh sb="2" eb="4">
      <t>ジョウケン</t>
    </rPh>
    <phoneticPr fontId="3"/>
  </si>
  <si>
    <t>割引率</t>
    <rPh sb="0" eb="2">
      <t>ワリビキ</t>
    </rPh>
    <rPh sb="2" eb="3">
      <t>リツ</t>
    </rPh>
    <phoneticPr fontId="3"/>
  </si>
  <si>
    <t>サービスの種類</t>
    <rPh sb="5" eb="7">
      <t>シュルイ</t>
    </rPh>
    <phoneticPr fontId="3"/>
  </si>
  <si>
    <t>事業所番号</t>
    <rPh sb="0" eb="3">
      <t>ジギョウショ</t>
    </rPh>
    <rPh sb="3" eb="5">
      <t>バンゴウ</t>
    </rPh>
    <phoneticPr fontId="3"/>
  </si>
  <si>
    <t>　1　割引率等</t>
    <rPh sb="3" eb="6">
      <t>ワリビキリツ</t>
    </rPh>
    <rPh sb="6" eb="7">
      <t>トウ</t>
    </rPh>
    <phoneticPr fontId="3"/>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3"/>
  </si>
  <si>
    <t>事業所・施設名</t>
    <rPh sb="0" eb="3">
      <t>ジギョウショ</t>
    </rPh>
    <rPh sb="4" eb="6">
      <t>シセツ</t>
    </rPh>
    <rPh sb="6" eb="7">
      <t>メイ</t>
    </rPh>
    <phoneticPr fontId="3"/>
  </si>
  <si>
    <t>日</t>
    <rPh sb="0" eb="1">
      <t>ヒ</t>
    </rPh>
    <phoneticPr fontId="3"/>
  </si>
  <si>
    <t>①介護給付費算定に係る体制等に関する届出書（別紙3-2）
②介護給付費算定に係る体制等状況一覧表（別紙1-3）
③下表の添付書類を併せて提出ください。</t>
  </si>
  <si>
    <r>
      <t>介護職員</t>
    </r>
    <r>
      <rPr>
        <sz val="11"/>
        <rFont val="ＭＳ Ｐゴシック"/>
        <family val="3"/>
        <charset val="128"/>
      </rPr>
      <t>等処遇改善加算</t>
    </r>
    <rPh sb="4" eb="5">
      <t>トウ</t>
    </rPh>
    <phoneticPr fontId="2"/>
  </si>
  <si>
    <r>
      <rPr>
        <sz val="11"/>
        <rFont val="ＭＳ Ｐゴシック"/>
        <family val="3"/>
        <charset val="128"/>
      </rPr>
      <t xml:space="preserve">処遇改善計画書
</t>
    </r>
    <rPh sb="0" eb="2">
      <t>ショグウ</t>
    </rPh>
    <rPh sb="2" eb="4">
      <t>カイゼン</t>
    </rPh>
    <rPh sb="4" eb="7">
      <t>ケイカクショ</t>
    </rPh>
    <phoneticPr fontId="2"/>
  </si>
  <si>
    <r>
      <t>HPの「</t>
    </r>
    <r>
      <rPr>
        <sz val="11"/>
        <rFont val="ＭＳ Ｐゴシック"/>
        <family val="3"/>
        <charset val="128"/>
      </rPr>
      <t>処遇改善加算等について」をご覧ください。</t>
    </r>
    <rPh sb="4" eb="6">
      <t>ショグウ</t>
    </rPh>
    <rPh sb="10" eb="11">
      <t>トウ</t>
    </rPh>
    <rPh sb="18" eb="19">
      <t>ラン</t>
    </rPh>
    <phoneticPr fontId="2"/>
  </si>
  <si>
    <t>LIFEへの登録</t>
    <rPh sb="6" eb="8">
      <t>トウロク</t>
    </rPh>
    <phoneticPr fontId="2"/>
  </si>
  <si>
    <t>なし</t>
  </si>
  <si>
    <t>職員の欠員による減算の状況</t>
    <rPh sb="0" eb="2">
      <t>ショクイン</t>
    </rPh>
    <rPh sb="3" eb="5">
      <t>ケツイン</t>
    </rPh>
    <rPh sb="8" eb="10">
      <t>ゲンサン</t>
    </rPh>
    <rPh sb="11" eb="13">
      <t>ジョウキョウ</t>
    </rPh>
    <phoneticPr fontId="3"/>
  </si>
  <si>
    <t xml:space="preserve">①従業者の勤務の体制及び勤務形態一覧表(別紙7-a)
</t>
  </si>
  <si>
    <t>業務継続計画策定の有無</t>
  </si>
  <si>
    <t>短期利用小規模多機能型居宅介護費の算定</t>
    <rPh sb="0" eb="4">
      <t>タンキリヨウ</t>
    </rPh>
    <rPh sb="4" eb="15">
      <t>ショウキボタキノウガタキョタクカイゴ</t>
    </rPh>
    <rPh sb="15" eb="16">
      <t>ヒ</t>
    </rPh>
    <rPh sb="17" eb="19">
      <t>サンテイ</t>
    </rPh>
    <phoneticPr fontId="2"/>
  </si>
  <si>
    <t>①運営規定</t>
    <rPh sb="1" eb="5">
      <t>ウンエイキテイ</t>
    </rPh>
    <phoneticPr fontId="2"/>
  </si>
  <si>
    <t>若年性認知症利用者受入加算</t>
  </si>
  <si>
    <t>看取り連携体制加算</t>
    <rPh sb="0" eb="2">
      <t>ミト</t>
    </rPh>
    <rPh sb="7" eb="9">
      <t>カサン</t>
    </rPh>
    <phoneticPr fontId="3"/>
  </si>
  <si>
    <t>訪問体制強化加算</t>
    <rPh sb="0" eb="2">
      <t>ホウモン</t>
    </rPh>
    <rPh sb="2" eb="4">
      <t>タイセイ</t>
    </rPh>
    <rPh sb="4" eb="6">
      <t>キョウカ</t>
    </rPh>
    <rPh sb="6" eb="8">
      <t>カサン</t>
    </rPh>
    <phoneticPr fontId="3"/>
  </si>
  <si>
    <t>科学的介護推進体制加算</t>
    <rPh sb="0" eb="3">
      <t>カガクテキ</t>
    </rPh>
    <rPh sb="3" eb="5">
      <t>カイゴ</t>
    </rPh>
    <rPh sb="5" eb="7">
      <t>スイシン</t>
    </rPh>
    <rPh sb="7" eb="9">
      <t>タイセイ</t>
    </rPh>
    <rPh sb="9" eb="11">
      <t>カサン</t>
    </rPh>
    <phoneticPr fontId="3"/>
  </si>
  <si>
    <t>割引</t>
    <rPh sb="0" eb="2">
      <t>ワリビキ</t>
    </rPh>
    <phoneticPr fontId="2"/>
  </si>
  <si>
    <t>（別紙44）</t>
    <phoneticPr fontId="3"/>
  </si>
  <si>
    <t>認知症加算（Ⅰ）・（Ⅱ）に係る届出書</t>
    <rPh sb="0" eb="3">
      <t>ニンチショウ</t>
    </rPh>
    <rPh sb="3" eb="5">
      <t>カサン</t>
    </rPh>
    <rPh sb="13" eb="14">
      <t>カカ</t>
    </rPh>
    <rPh sb="15" eb="18">
      <t>トドケデショ</t>
    </rPh>
    <phoneticPr fontId="3"/>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3"/>
  </si>
  <si>
    <t>事業所等の区分</t>
    <rPh sb="0" eb="3">
      <t>ジギョウショ</t>
    </rPh>
    <phoneticPr fontId="3"/>
  </si>
  <si>
    <t>1　小規模多機能型居宅介護事業所</t>
    <rPh sb="2" eb="5">
      <t>ショウキボ</t>
    </rPh>
    <rPh sb="5" eb="9">
      <t>タキノウガタ</t>
    </rPh>
    <rPh sb="9" eb="11">
      <t>キョタク</t>
    </rPh>
    <rPh sb="11" eb="13">
      <t>カイゴ</t>
    </rPh>
    <rPh sb="13" eb="16">
      <t>ジギョウショ</t>
    </rPh>
    <phoneticPr fontId="3"/>
  </si>
  <si>
    <t>2　看護小規模多機能型居宅介護事業所</t>
    <rPh sb="2" eb="4">
      <t>カンゴ</t>
    </rPh>
    <rPh sb="4" eb="7">
      <t>ショウキボ</t>
    </rPh>
    <rPh sb="7" eb="11">
      <t>タキノウガタ</t>
    </rPh>
    <rPh sb="11" eb="13">
      <t>キョタク</t>
    </rPh>
    <rPh sb="13" eb="15">
      <t>カイゴ</t>
    </rPh>
    <rPh sb="15" eb="18">
      <t>ジギョウショ</t>
    </rPh>
    <phoneticPr fontId="3"/>
  </si>
  <si>
    <t>・</t>
    <phoneticPr fontId="3"/>
  </si>
  <si>
    <t>１．認知症加算（Ⅰ）に係る届出内容</t>
    <rPh sb="11" eb="12">
      <t>カカ</t>
    </rPh>
    <rPh sb="13" eb="14">
      <t>トド</t>
    </rPh>
    <rPh sb="14" eb="15">
      <t>デ</t>
    </rPh>
    <rPh sb="15" eb="17">
      <t>ナイヨウ</t>
    </rPh>
    <phoneticPr fontId="3"/>
  </si>
  <si>
    <t>(1)</t>
    <phoneticPr fontId="3"/>
  </si>
  <si>
    <t>認知症介護に係る専門的な研修を修了している者を、日常生活自立度のランクⅢ、Ⅳ又はMに該当する者の数に応じて必要数以上配置し、チームとして専門的な認知症ケアを実施している</t>
    <phoneticPr fontId="3"/>
  </si>
  <si>
    <t>・</t>
    <phoneticPr fontId="3"/>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3"/>
  </si>
  <si>
    <t>～</t>
    <phoneticPr fontId="3"/>
  </si>
  <si>
    <t>(2)</t>
    <phoneticPr fontId="3"/>
  </si>
  <si>
    <t>従業者に対して、認知症ケアに関する留意事項の伝達又は技術的指導に係る会議を定期的に開催している</t>
    <phoneticPr fontId="3"/>
  </si>
  <si>
    <t>・</t>
    <phoneticPr fontId="3"/>
  </si>
  <si>
    <t>(3)</t>
    <phoneticPr fontId="3"/>
  </si>
  <si>
    <t>認知症介護の指導に係る専門的な研修を修了している者を１名以上配置し、事業所全体の認知症ケアの指導等を実施している</t>
    <phoneticPr fontId="3"/>
  </si>
  <si>
    <t>(4)</t>
    <phoneticPr fontId="3"/>
  </si>
  <si>
    <t>事業所において介護職員、看護職員ごとの認知症ケアに関する研修計画を作成し、当該計画に従い、研修を実施又は実施を予定している</t>
    <phoneticPr fontId="3"/>
  </si>
  <si>
    <t>２．認知症加算（Ⅱ）に係る届出内容</t>
    <rPh sb="11" eb="12">
      <t>カカ</t>
    </rPh>
    <rPh sb="13" eb="14">
      <t>トド</t>
    </rPh>
    <rPh sb="14" eb="15">
      <t>デ</t>
    </rPh>
    <rPh sb="15" eb="17">
      <t>ナイヨウ</t>
    </rPh>
    <phoneticPr fontId="3"/>
  </si>
  <si>
    <t>(1)</t>
    <phoneticPr fontId="3"/>
  </si>
  <si>
    <r>
      <t xml:space="preserve">認知症加算（Ⅰ）の(1)・(2)の基準のいずれにも該当している
</t>
    </r>
    <r>
      <rPr>
        <sz val="10"/>
        <rFont val="HGSｺﾞｼｯｸM"/>
        <family val="3"/>
        <charset val="128"/>
      </rPr>
      <t>※認知症加算（Ⅰ）に係る届出内容(1)・(2)も記入すること。</t>
    </r>
    <phoneticPr fontId="3"/>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3"/>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3"/>
  </si>
  <si>
    <t>※認知症看護に係る適切な研修：</t>
    <phoneticPr fontId="3"/>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3"/>
  </si>
  <si>
    <t>　</t>
    <phoneticPr fontId="3"/>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3"/>
  </si>
  <si>
    <t>①認知症加算（Ⅰ）・（Ⅱ）に係る届出書（別紙44）
②認知症介護指導者養成研修、認知症介護実践リーダー研修、認知症介護実践者研修、認知症看護に係る適切な研修の修了証の写し
③介護職員、看護職員ごとの認知症ケアに関する研修計画</t>
    <rPh sb="20" eb="22">
      <t>ベッシ</t>
    </rPh>
    <phoneticPr fontId="3"/>
  </si>
  <si>
    <t>なし</t>
    <phoneticPr fontId="3"/>
  </si>
  <si>
    <t>事業所・施設名（　　　　　　　　　　　　　　　　　　　　）</t>
    <phoneticPr fontId="3"/>
  </si>
  <si>
    <t>［入所（利用）定員（見込）数等　　　　　名］</t>
    <phoneticPr fontId="3"/>
  </si>
  <si>
    <t>職　種</t>
    <phoneticPr fontId="3"/>
  </si>
  <si>
    <t>勤務　　　　　　　　　　形態</t>
    <phoneticPr fontId="3"/>
  </si>
  <si>
    <t>氏　名</t>
    <phoneticPr fontId="3"/>
  </si>
  <si>
    <t>4週の　　　　　　　　　　合計</t>
    <phoneticPr fontId="3"/>
  </si>
  <si>
    <t>（記載例―1）</t>
    <phoneticPr fontId="3"/>
  </si>
  <si>
    <t>（記載例―2）</t>
    <phoneticPr fontId="3"/>
  </si>
  <si>
    <t>　（　　　　：　　　　)</t>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差し支えありません。</t>
    <phoneticPr fontId="3"/>
  </si>
  <si>
    <t>（別紙７-a）</t>
    <phoneticPr fontId="3"/>
  </si>
  <si>
    <t>①従業者の勤務の体制及び勤務形態一覧表(別紙7-a)</t>
    <phoneticPr fontId="3"/>
  </si>
  <si>
    <t>なし</t>
    <phoneticPr fontId="3"/>
  </si>
  <si>
    <t>（別紙28）</t>
    <phoneticPr fontId="3"/>
  </si>
  <si>
    <t>令和　　年　　月　　日</t>
    <rPh sb="4" eb="5">
      <t>ネン</t>
    </rPh>
    <rPh sb="7" eb="8">
      <t>ガツ</t>
    </rPh>
    <rPh sb="10" eb="11">
      <t>ニチ</t>
    </rPh>
    <phoneticPr fontId="3"/>
  </si>
  <si>
    <t>生産性向上推進体制加算に係る届出書</t>
    <rPh sb="0" eb="3">
      <t>セイサンセイ</t>
    </rPh>
    <rPh sb="3" eb="11">
      <t>コウジョウスイシンタイセイカサン</t>
    </rPh>
    <rPh sb="9" eb="11">
      <t>カサン</t>
    </rPh>
    <rPh sb="12" eb="13">
      <t>カカ</t>
    </rPh>
    <rPh sb="14" eb="17">
      <t>トドケデショ</t>
    </rPh>
    <phoneticPr fontId="3"/>
  </si>
  <si>
    <t>異動等区分</t>
  </si>
  <si>
    <t>　1　新規　2　変更　3　終了</t>
    <phoneticPr fontId="3"/>
  </si>
  <si>
    <t>施 設 種 別</t>
    <rPh sb="0" eb="1">
      <t>シ</t>
    </rPh>
    <rPh sb="2" eb="3">
      <t>セツ</t>
    </rPh>
    <rPh sb="4" eb="5">
      <t>タネ</t>
    </rPh>
    <rPh sb="6" eb="7">
      <t>ベツ</t>
    </rPh>
    <phoneticPr fontId="3"/>
  </si>
  <si>
    <t>１　短期入所生活介護</t>
    <rPh sb="2" eb="6">
      <t>タンキニュウショ</t>
    </rPh>
    <rPh sb="6" eb="8">
      <t>セイカツ</t>
    </rPh>
    <rPh sb="8" eb="10">
      <t>カイゴ</t>
    </rPh>
    <phoneticPr fontId="3"/>
  </si>
  <si>
    <t>２　短期入所療養介護</t>
    <rPh sb="2" eb="4">
      <t>タンキ</t>
    </rPh>
    <rPh sb="4" eb="6">
      <t>ニュウショ</t>
    </rPh>
    <rPh sb="6" eb="8">
      <t>リョウヨウ</t>
    </rPh>
    <rPh sb="8" eb="10">
      <t>カイゴ</t>
    </rPh>
    <phoneticPr fontId="3"/>
  </si>
  <si>
    <t>３　特定施設入居者生活介護</t>
    <phoneticPr fontId="3"/>
  </si>
  <si>
    <t>４　小規模多機能型居宅介護</t>
    <phoneticPr fontId="3"/>
  </si>
  <si>
    <t>５　認知症対応型共同生活介護</t>
    <phoneticPr fontId="3"/>
  </si>
  <si>
    <t>６　地域密着型特定施設入居者生活介護</t>
    <rPh sb="2" eb="7">
      <t>チイキミッチャクガタ</t>
    </rPh>
    <phoneticPr fontId="3"/>
  </si>
  <si>
    <t>７　地域密着型介護老人福祉施設</t>
    <phoneticPr fontId="3"/>
  </si>
  <si>
    <t>８　看護小規模多機能型居宅介護</t>
    <phoneticPr fontId="3"/>
  </si>
  <si>
    <t>９　介護老人福祉施設</t>
    <phoneticPr fontId="3"/>
  </si>
  <si>
    <t>10　介護老人保健施設</t>
    <rPh sb="3" eb="5">
      <t>カイゴ</t>
    </rPh>
    <rPh sb="5" eb="7">
      <t>ロウジン</t>
    </rPh>
    <rPh sb="7" eb="9">
      <t>ホケン</t>
    </rPh>
    <rPh sb="9" eb="11">
      <t>シセツ</t>
    </rPh>
    <phoneticPr fontId="3"/>
  </si>
  <si>
    <t>11　介護医療院</t>
    <rPh sb="3" eb="5">
      <t>カイゴ</t>
    </rPh>
    <rPh sb="5" eb="7">
      <t>イリョウ</t>
    </rPh>
    <rPh sb="7" eb="8">
      <t>イン</t>
    </rPh>
    <phoneticPr fontId="3"/>
  </si>
  <si>
    <t>12　介護予防短期入所生活介護</t>
    <rPh sb="3" eb="5">
      <t>カイゴ</t>
    </rPh>
    <rPh sb="5" eb="7">
      <t>ヨボウ</t>
    </rPh>
    <rPh sb="7" eb="15">
      <t>タンキニュウショセイカツカイゴ</t>
    </rPh>
    <phoneticPr fontId="3"/>
  </si>
  <si>
    <t>13　介護予防短期入所療養介護</t>
    <rPh sb="3" eb="5">
      <t>カイゴ</t>
    </rPh>
    <rPh sb="5" eb="7">
      <t>ヨボウ</t>
    </rPh>
    <rPh sb="7" eb="9">
      <t>タンキ</t>
    </rPh>
    <rPh sb="9" eb="11">
      <t>ニュウショ</t>
    </rPh>
    <rPh sb="11" eb="13">
      <t>リョウヨウ</t>
    </rPh>
    <rPh sb="13" eb="15">
      <t>カイゴ</t>
    </rPh>
    <phoneticPr fontId="3"/>
  </si>
  <si>
    <t>14　介護予防特定施設入居者生活介護</t>
    <phoneticPr fontId="3"/>
  </si>
  <si>
    <t>15　介護予防小規模多機能型居宅介護</t>
    <phoneticPr fontId="3"/>
  </si>
  <si>
    <t>16　介護予防認知症対応型共同生活介護</t>
    <phoneticPr fontId="3"/>
  </si>
  <si>
    <t>届出区分</t>
    <rPh sb="0" eb="2">
      <t>トドケデ</t>
    </rPh>
    <rPh sb="2" eb="4">
      <t>クブン</t>
    </rPh>
    <phoneticPr fontId="3"/>
  </si>
  <si>
    <t>１　生産性向上推進体制加算（Ⅰ）　２　生産性向上推進体制加算（Ⅱ）</t>
    <phoneticPr fontId="3"/>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3"/>
  </si>
  <si>
    <t>① 加算（Ⅱ）のデータ等により業務改善の取組による成果を確認</t>
    <phoneticPr fontId="3"/>
  </si>
  <si>
    <t>有・無</t>
    <rPh sb="0" eb="1">
      <t>ウ</t>
    </rPh>
    <rPh sb="2" eb="3">
      <t>ム</t>
    </rPh>
    <phoneticPr fontId="3"/>
  </si>
  <si>
    <t>② 以下のⅰ～ⅲの項目の機器をすべて使用</t>
    <rPh sb="2" eb="4">
      <t>イカ</t>
    </rPh>
    <rPh sb="9" eb="11">
      <t>コウモク</t>
    </rPh>
    <rPh sb="12" eb="14">
      <t>キキ</t>
    </rPh>
    <rPh sb="18" eb="20">
      <t>シヨウ</t>
    </rPh>
    <phoneticPr fontId="3"/>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　ⅱ 職員全員がインカム等のICTを使用 </t>
    <rPh sb="3" eb="5">
      <t>ショクイン</t>
    </rPh>
    <rPh sb="5" eb="7">
      <t>ゼンイン</t>
    </rPh>
    <rPh sb="12" eb="13">
      <t>トウ</t>
    </rPh>
    <rPh sb="18" eb="20">
      <t>シヨウ</t>
    </rPh>
    <phoneticPr fontId="3"/>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3"/>
  </si>
  <si>
    <t xml:space="preserve">  資するICTを使用 </t>
    <phoneticPr fontId="3"/>
  </si>
  <si>
    <t>（導入機器）</t>
    <rPh sb="1" eb="3">
      <t>ドウニュウ</t>
    </rPh>
    <rPh sb="3" eb="5">
      <t>キキ</t>
    </rPh>
    <phoneticPr fontId="3"/>
  </si>
  <si>
    <t>　</t>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3"/>
  </si>
  <si>
    <t>④ 利用者の安全並びに介護サービスの質の確保及び職員の負担軽減に資する方策を検討するため</t>
    <phoneticPr fontId="3"/>
  </si>
  <si>
    <t>　 の委員会（以下「委員会」という。）において、以下のすべての項目について必要な検討を行い、</t>
    <phoneticPr fontId="3"/>
  </si>
  <si>
    <t>　 当該項目の実施を確認</t>
    <phoneticPr fontId="3"/>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3"/>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3"/>
  </si>
  <si>
    <t>　 員に対する教育の実施</t>
    <phoneticPr fontId="3"/>
  </si>
  <si>
    <t>生産性向上推進体制加算（Ⅱ）に係る届出</t>
    <rPh sb="0" eb="3">
      <t>セイサンセイ</t>
    </rPh>
    <rPh sb="3" eb="11">
      <t>コウジョウスイシンタイセイカサン</t>
    </rPh>
    <rPh sb="15" eb="16">
      <t>カカ</t>
    </rPh>
    <rPh sb="17" eb="19">
      <t>トドケデ</t>
    </rPh>
    <phoneticPr fontId="3"/>
  </si>
  <si>
    <t>① 以下のⅰ～ⅲの項目の機器のうち１つ以上を使用</t>
    <rPh sb="2" eb="4">
      <t>イカ</t>
    </rPh>
    <rPh sb="9" eb="11">
      <t>コウモク</t>
    </rPh>
    <rPh sb="12" eb="14">
      <t>キキ</t>
    </rPh>
    <rPh sb="19" eb="21">
      <t>イジョウ</t>
    </rPh>
    <rPh sb="22" eb="24">
      <t>シヨウ</t>
    </rPh>
    <phoneticPr fontId="3"/>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3"/>
  </si>
  <si>
    <t>　入所（利用）者数</t>
    <rPh sb="1" eb="3">
      <t>ニュウショ</t>
    </rPh>
    <rPh sb="4" eb="6">
      <t>リヨウ</t>
    </rPh>
    <rPh sb="7" eb="8">
      <t>シャ</t>
    </rPh>
    <rPh sb="8" eb="9">
      <t>スウ</t>
    </rPh>
    <phoneticPr fontId="3"/>
  </si>
  <si>
    <t>人</t>
    <rPh sb="0" eb="1">
      <t>ニン</t>
    </rPh>
    <phoneticPr fontId="3"/>
  </si>
  <si>
    <t>　見守り機器を導入して見守りを行っている対象者数</t>
    <phoneticPr fontId="3"/>
  </si>
  <si>
    <t xml:space="preserve">  資するICTを使用 </t>
    <phoneticPr fontId="3"/>
  </si>
  <si>
    <t>　</t>
    <phoneticPr fontId="3"/>
  </si>
  <si>
    <t>　</t>
    <phoneticPr fontId="3"/>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3"/>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　 員に対する教育の実施</t>
    <phoneticPr fontId="3"/>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3"/>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3"/>
  </si>
  <si>
    <t>　　　指定権者からの求めがあった場合には、速やかに提出すること。</t>
    <phoneticPr fontId="3"/>
  </si>
  <si>
    <t>備考３　本加算を算定する場合は、事業年度毎に取組の実績をオンラインで厚生労働省に報告すること。</t>
    <rPh sb="0" eb="2">
      <t>ビコウ</t>
    </rPh>
    <phoneticPr fontId="3"/>
  </si>
  <si>
    <t>備考４　届出にあたっては、別途通知（「生産性向上推進体制加算に関する基本的考え方並びに事務処理手順及び様式例</t>
    <rPh sb="0" eb="2">
      <t>ビコウ</t>
    </rPh>
    <phoneticPr fontId="3"/>
  </si>
  <si>
    <t>　　　等の提示について」）を参照すること。</t>
    <phoneticPr fontId="3"/>
  </si>
  <si>
    <t>認知症加算（Ⅰ）（Ⅱ）</t>
    <rPh sb="0" eb="3">
      <t>ニンチショウ</t>
    </rPh>
    <rPh sb="3" eb="5">
      <t>カサン</t>
    </rPh>
    <phoneticPr fontId="3"/>
  </si>
  <si>
    <t>看護職員配置加算（Ⅰ）（Ⅱ）</t>
    <rPh sb="0" eb="2">
      <t>カンゴ</t>
    </rPh>
    <rPh sb="2" eb="4">
      <t>ショクイン</t>
    </rPh>
    <rPh sb="4" eb="6">
      <t>ハイチ</t>
    </rPh>
    <rPh sb="6" eb="8">
      <t>カサン</t>
    </rPh>
    <phoneticPr fontId="3"/>
  </si>
  <si>
    <t>総合マネジメント体制強化加算（Ⅰ）（Ⅱ）</t>
    <rPh sb="0" eb="2">
      <t>ソウゴウ</t>
    </rPh>
    <rPh sb="8" eb="10">
      <t>タイセイ</t>
    </rPh>
    <rPh sb="10" eb="12">
      <t>キョウカ</t>
    </rPh>
    <rPh sb="12" eb="14">
      <t>カサン</t>
    </rPh>
    <phoneticPr fontId="3"/>
  </si>
  <si>
    <t>生産性向上推進体制加算（Ⅰ）（Ⅱ）</t>
    <phoneticPr fontId="3"/>
  </si>
  <si>
    <t>①生産性向上推進体制加算に係る届出書（別紙28）
②委員会の議事概要（必要な検討要件を満たしていることが確認できること）
【（Ⅰ）のみ】
③特定施設等における生産性向上に先進的に取り組む場合における人員配置基準の特例的な柔軟化の適用に係る届出書（調査結果）(別紙28-2)
　※別途通知「生産性向上推進体制加算に関する基本的考え方並びに事務処理手順及び様式例等の提示について」を参照すること。</t>
    <phoneticPr fontId="3"/>
  </si>
  <si>
    <t>（別紙28-2）</t>
    <phoneticPr fontId="3"/>
  </si>
  <si>
    <t>特定施設等における生産性向上に先進的に取り組む場合における
人員配置基準の特例的な柔軟化の適用に係る届出書（調査結果）</t>
    <rPh sb="0" eb="2">
      <t>トクテイ</t>
    </rPh>
    <rPh sb="2" eb="5">
      <t>シセツナド</t>
    </rPh>
    <rPh sb="9" eb="12">
      <t>セイサンセイ</t>
    </rPh>
    <rPh sb="12" eb="14">
      <t>コウジョウ</t>
    </rPh>
    <rPh sb="15" eb="18">
      <t>センシンテキ</t>
    </rPh>
    <rPh sb="19" eb="20">
      <t>ト</t>
    </rPh>
    <rPh sb="21" eb="22">
      <t>ク</t>
    </rPh>
    <rPh sb="23" eb="25">
      <t>バアイ</t>
    </rPh>
    <rPh sb="30" eb="36">
      <t>ジンインハイチキジュン</t>
    </rPh>
    <rPh sb="37" eb="39">
      <t>トクレイ</t>
    </rPh>
    <rPh sb="39" eb="40">
      <t>テキ</t>
    </rPh>
    <rPh sb="41" eb="44">
      <t>ジュウナンカ</t>
    </rPh>
    <rPh sb="45" eb="47">
      <t>テキヨウ</t>
    </rPh>
    <rPh sb="48" eb="49">
      <t>カカ</t>
    </rPh>
    <rPh sb="50" eb="53">
      <t>トドケデショ</t>
    </rPh>
    <rPh sb="54" eb="56">
      <t>チョウサ</t>
    </rPh>
    <rPh sb="56" eb="58">
      <t>ケッカ</t>
    </rPh>
    <phoneticPr fontId="3"/>
  </si>
  <si>
    <t>試行の実施期間（３か月以上の実施が要件）</t>
    <rPh sb="14" eb="16">
      <t>ジッシ</t>
    </rPh>
    <rPh sb="17" eb="19">
      <t>ヨウケン</t>
    </rPh>
    <phoneticPr fontId="3"/>
  </si>
  <si>
    <t>試行実施期間</t>
    <rPh sb="0" eb="2">
      <t>シコウ</t>
    </rPh>
    <rPh sb="2" eb="4">
      <t>ジッシ</t>
    </rPh>
    <rPh sb="4" eb="6">
      <t>キカン</t>
    </rPh>
    <phoneticPr fontId="3"/>
  </si>
  <si>
    <t>令和　年　月　～　令和　年　月</t>
    <rPh sb="0" eb="2">
      <t>レイワ</t>
    </rPh>
    <rPh sb="3" eb="4">
      <t>ネン</t>
    </rPh>
    <rPh sb="5" eb="6">
      <t>ツキ</t>
    </rPh>
    <phoneticPr fontId="3"/>
  </si>
  <si>
    <t>１　タイムスタディ調査　（※）５日間の調査</t>
    <rPh sb="9" eb="11">
      <t>チョウサ</t>
    </rPh>
    <phoneticPr fontId="3"/>
  </si>
  <si>
    <t>事前調査時期</t>
    <rPh sb="0" eb="2">
      <t>ジゼン</t>
    </rPh>
    <phoneticPr fontId="3"/>
  </si>
  <si>
    <t>令和　年　月</t>
    <rPh sb="0" eb="2">
      <t>レイワ</t>
    </rPh>
    <rPh sb="3" eb="4">
      <t>ネン</t>
    </rPh>
    <rPh sb="5" eb="6">
      <t>ツキ</t>
    </rPh>
    <phoneticPr fontId="3"/>
  </si>
  <si>
    <t>事後調査時期</t>
    <rPh sb="0" eb="2">
      <t>ジゴ</t>
    </rPh>
    <rPh sb="2" eb="4">
      <t>チョウサ</t>
    </rPh>
    <phoneticPr fontId="3"/>
  </si>
  <si>
    <t>① －１　日中（事前調査）　調査対象人数　人</t>
    <rPh sb="5" eb="7">
      <t>ニッチュウ</t>
    </rPh>
    <rPh sb="8" eb="10">
      <t>ジゼン</t>
    </rPh>
    <rPh sb="10" eb="12">
      <t>チョウサ</t>
    </rPh>
    <phoneticPr fontId="3"/>
  </si>
  <si>
    <t>類型</t>
    <rPh sb="0" eb="2">
      <t>ルイケイ</t>
    </rPh>
    <phoneticPr fontId="3"/>
  </si>
  <si>
    <t>直接介護</t>
    <rPh sb="0" eb="2">
      <t>チョクセツ</t>
    </rPh>
    <rPh sb="2" eb="4">
      <t>カイゴ</t>
    </rPh>
    <phoneticPr fontId="3"/>
  </si>
  <si>
    <t>間接業務</t>
    <rPh sb="0" eb="2">
      <t>カンセツ</t>
    </rPh>
    <rPh sb="2" eb="4">
      <t>ギョウム</t>
    </rPh>
    <phoneticPr fontId="3"/>
  </si>
  <si>
    <t>余裕時間</t>
    <rPh sb="0" eb="2">
      <t>ヨユウ</t>
    </rPh>
    <rPh sb="2" eb="4">
      <t>ジカン</t>
    </rPh>
    <phoneticPr fontId="3"/>
  </si>
  <si>
    <t>休憩・待機・その他</t>
    <rPh sb="0" eb="2">
      <t>キュウケイ</t>
    </rPh>
    <rPh sb="3" eb="5">
      <t>タイキ</t>
    </rPh>
    <rPh sb="8" eb="9">
      <t>ホカ</t>
    </rPh>
    <phoneticPr fontId="3"/>
  </si>
  <si>
    <t>割合（％）</t>
    <rPh sb="0" eb="2">
      <t>ワリアイ</t>
    </rPh>
    <phoneticPr fontId="3"/>
  </si>
  <si>
    <t>調査対象者の業務時間の総和</t>
    <rPh sb="0" eb="2">
      <t>チョウサ</t>
    </rPh>
    <rPh sb="2" eb="4">
      <t>タイショウ</t>
    </rPh>
    <rPh sb="4" eb="5">
      <t>シャ</t>
    </rPh>
    <rPh sb="6" eb="8">
      <t>ギョウム</t>
    </rPh>
    <rPh sb="8" eb="10">
      <t>ジカン</t>
    </rPh>
    <rPh sb="11" eb="13">
      <t>ソウワ</t>
    </rPh>
    <phoneticPr fontId="3"/>
  </si>
  <si>
    <t>時間（少数点第１位まで記載）</t>
    <rPh sb="0" eb="2">
      <t>ジカン</t>
    </rPh>
    <rPh sb="3" eb="5">
      <t>ショウスウ</t>
    </rPh>
    <rPh sb="5" eb="6">
      <t>テン</t>
    </rPh>
    <rPh sb="6" eb="7">
      <t>ダイ</t>
    </rPh>
    <rPh sb="8" eb="9">
      <t>イ</t>
    </rPh>
    <rPh sb="11" eb="13">
      <t>キサイ</t>
    </rPh>
    <phoneticPr fontId="3"/>
  </si>
  <si>
    <t>① －２　日中（事後調査）　調査対象人数　人</t>
    <rPh sb="5" eb="7">
      <t>ニッチュウ</t>
    </rPh>
    <phoneticPr fontId="3"/>
  </si>
  <si>
    <t>②－１　 夜間（事前調査）　調査対象人数　人</t>
    <rPh sb="4" eb="6">
      <t>ヤカン</t>
    </rPh>
    <rPh sb="7" eb="9">
      <t>ジゼン</t>
    </rPh>
    <rPh sb="9" eb="11">
      <t>チョウサ</t>
    </rPh>
    <phoneticPr fontId="3"/>
  </si>
  <si>
    <t>②－２ 　夜間（事後調査）　調査対象人数　人</t>
    <rPh sb="5" eb="7">
      <t>ヤカン</t>
    </rPh>
    <rPh sb="8" eb="10">
      <t>ジゴ</t>
    </rPh>
    <rPh sb="10" eb="12">
      <t>チョウサ</t>
    </rPh>
    <phoneticPr fontId="3"/>
  </si>
  <si>
    <t>総業務時間に占める直接介護の時間の割合が増加していることの確認</t>
    <rPh sb="0" eb="1">
      <t>ソウ</t>
    </rPh>
    <rPh sb="1" eb="3">
      <t>ギョウム</t>
    </rPh>
    <rPh sb="3" eb="5">
      <t>ジカン</t>
    </rPh>
    <rPh sb="6" eb="7">
      <t>シ</t>
    </rPh>
    <rPh sb="9" eb="11">
      <t>チョクセツ</t>
    </rPh>
    <rPh sb="11" eb="13">
      <t>カイゴ</t>
    </rPh>
    <rPh sb="14" eb="16">
      <t>ジカン</t>
    </rPh>
    <rPh sb="17" eb="19">
      <t>ワリアイ</t>
    </rPh>
    <rPh sb="20" eb="22">
      <t>ゾウカ</t>
    </rPh>
    <rPh sb="29" eb="31">
      <t>カクニン</t>
    </rPh>
    <phoneticPr fontId="3"/>
  </si>
  <si>
    <t>２　利用者の満足度の変化</t>
    <phoneticPr fontId="3"/>
  </si>
  <si>
    <t>令和　年　月</t>
    <phoneticPr fontId="3"/>
  </si>
  <si>
    <t>　① －１　WHOー５（事前調査）　調査対象人数　人</t>
    <rPh sb="12" eb="14">
      <t>ジゼン</t>
    </rPh>
    <rPh sb="14" eb="16">
      <t>チョウサ</t>
    </rPh>
    <phoneticPr fontId="3"/>
  </si>
  <si>
    <t>点数区分</t>
    <rPh sb="0" eb="2">
      <t>テンスウ</t>
    </rPh>
    <rPh sb="2" eb="4">
      <t>クブン</t>
    </rPh>
    <phoneticPr fontId="3"/>
  </si>
  <si>
    <t>0点～6点</t>
    <rPh sb="1" eb="2">
      <t>テン</t>
    </rPh>
    <rPh sb="4" eb="5">
      <t>テン</t>
    </rPh>
    <phoneticPr fontId="3"/>
  </si>
  <si>
    <t>7点～13点</t>
    <rPh sb="1" eb="2">
      <t>テン</t>
    </rPh>
    <rPh sb="5" eb="6">
      <t>テン</t>
    </rPh>
    <phoneticPr fontId="3"/>
  </si>
  <si>
    <t>14点～19点</t>
    <rPh sb="2" eb="3">
      <t>テン</t>
    </rPh>
    <rPh sb="6" eb="7">
      <t>テン</t>
    </rPh>
    <phoneticPr fontId="3"/>
  </si>
  <si>
    <t>20点～25点</t>
    <rPh sb="2" eb="3">
      <t>テン</t>
    </rPh>
    <rPh sb="6" eb="7">
      <t>テン</t>
    </rPh>
    <phoneticPr fontId="3"/>
  </si>
  <si>
    <t>人数</t>
    <rPh sb="0" eb="2">
      <t>ニンズウ</t>
    </rPh>
    <phoneticPr fontId="3"/>
  </si>
  <si>
    <t>　① －２　WHOー５（事後調査）　調査対象人数　人</t>
    <rPh sb="12" eb="14">
      <t>ジゴ</t>
    </rPh>
    <rPh sb="14" eb="16">
      <t>チョウサ</t>
    </rPh>
    <phoneticPr fontId="3"/>
  </si>
  <si>
    <t>調査対象者に関して、数値が悪化していないことの確認</t>
    <rPh sb="0" eb="2">
      <t>チョウサ</t>
    </rPh>
    <rPh sb="2" eb="4">
      <t>タイショウ</t>
    </rPh>
    <rPh sb="4" eb="5">
      <t>シャ</t>
    </rPh>
    <rPh sb="6" eb="7">
      <t>カン</t>
    </rPh>
    <rPh sb="10" eb="12">
      <t>スウチ</t>
    </rPh>
    <rPh sb="13" eb="15">
      <t>アッカ</t>
    </rPh>
    <rPh sb="23" eb="25">
      <t>カクニン</t>
    </rPh>
    <phoneticPr fontId="3"/>
  </si>
  <si>
    <t>　②－１　 生活・認知機能尺度（事前調査）　調査対象人数　人</t>
    <rPh sb="6" eb="8">
      <t>セイカツ</t>
    </rPh>
    <rPh sb="9" eb="11">
      <t>ニンチ</t>
    </rPh>
    <rPh sb="11" eb="13">
      <t>キノウ</t>
    </rPh>
    <rPh sb="13" eb="15">
      <t>シャクド</t>
    </rPh>
    <rPh sb="16" eb="18">
      <t>ジゼン</t>
    </rPh>
    <rPh sb="18" eb="20">
      <t>チョウサ</t>
    </rPh>
    <phoneticPr fontId="3"/>
  </si>
  <si>
    <t>詳細については、後日通知で示す。</t>
    <rPh sb="0" eb="2">
      <t>ショウサイ</t>
    </rPh>
    <rPh sb="8" eb="10">
      <t>ゴジツ</t>
    </rPh>
    <rPh sb="10" eb="12">
      <t>ツウチ</t>
    </rPh>
    <rPh sb="13" eb="14">
      <t>シメ</t>
    </rPh>
    <phoneticPr fontId="3"/>
  </si>
  <si>
    <t>　② －２　生活・認知機能尺度（事後調査）　調査対象人数　人</t>
    <rPh sb="6" eb="8">
      <t>セイカツ</t>
    </rPh>
    <rPh sb="9" eb="11">
      <t>ニンチ</t>
    </rPh>
    <rPh sb="11" eb="13">
      <t>キノウ</t>
    </rPh>
    <rPh sb="13" eb="15">
      <t>シャクド</t>
    </rPh>
    <rPh sb="16" eb="18">
      <t>ジゴ</t>
    </rPh>
    <rPh sb="18" eb="20">
      <t>チョウサ</t>
    </rPh>
    <phoneticPr fontId="3"/>
  </si>
  <si>
    <t>３　総業務時間及び当該時間に含まれる超過勤務時間の変化　調査対象人数　人</t>
    <phoneticPr fontId="3"/>
  </si>
  <si>
    <t>対象期間</t>
    <rPh sb="0" eb="2">
      <t>タイショウ</t>
    </rPh>
    <rPh sb="2" eb="4">
      <t>キカン</t>
    </rPh>
    <phoneticPr fontId="3"/>
  </si>
  <si>
    <t>(事前)令和　年　月</t>
    <rPh sb="1" eb="3">
      <t>ジゼン</t>
    </rPh>
    <phoneticPr fontId="3"/>
  </si>
  <si>
    <t>(事後)令和　年　月</t>
    <rPh sb="1" eb="3">
      <t>ジゴ</t>
    </rPh>
    <phoneticPr fontId="3"/>
  </si>
  <si>
    <t>総業務時間</t>
    <phoneticPr fontId="3"/>
  </si>
  <si>
    <t>超過勤務時間</t>
    <rPh sb="0" eb="2">
      <t>チョウカ</t>
    </rPh>
    <rPh sb="2" eb="4">
      <t>キンム</t>
    </rPh>
    <rPh sb="4" eb="6">
      <t>ジカン</t>
    </rPh>
    <phoneticPr fontId="3"/>
  </si>
  <si>
    <t>（※）一月あたりの時間数（調査対象者平均、小数点第１位まで記載）</t>
    <rPh sb="11" eb="12">
      <t>スウ</t>
    </rPh>
    <rPh sb="13" eb="15">
      <t>チョウサ</t>
    </rPh>
    <rPh sb="15" eb="18">
      <t>タイショウシャ</t>
    </rPh>
    <rPh sb="18" eb="20">
      <t>ヘイキン</t>
    </rPh>
    <rPh sb="21" eb="24">
      <t>ショウスウテン</t>
    </rPh>
    <rPh sb="24" eb="25">
      <t>ダイ</t>
    </rPh>
    <rPh sb="26" eb="27">
      <t>イ</t>
    </rPh>
    <rPh sb="29" eb="31">
      <t>キサイ</t>
    </rPh>
    <phoneticPr fontId="3"/>
  </si>
  <si>
    <t>総業務時間及び超過勤務時間が短縮していることの確認</t>
    <rPh sb="0" eb="1">
      <t>ソウ</t>
    </rPh>
    <rPh sb="1" eb="3">
      <t>ギョウム</t>
    </rPh>
    <rPh sb="3" eb="5">
      <t>ジカン</t>
    </rPh>
    <rPh sb="5" eb="6">
      <t>オヨ</t>
    </rPh>
    <rPh sb="7" eb="9">
      <t>チョウカ</t>
    </rPh>
    <rPh sb="9" eb="11">
      <t>キンム</t>
    </rPh>
    <rPh sb="11" eb="13">
      <t>ジカン</t>
    </rPh>
    <rPh sb="14" eb="16">
      <t>タンシュク</t>
    </rPh>
    <rPh sb="23" eb="25">
      <t>カクニン</t>
    </rPh>
    <phoneticPr fontId="3"/>
  </si>
  <si>
    <t>（３の参考）年次有給休暇の取得状況　調査対象人数　人</t>
    <rPh sb="3" eb="5">
      <t>サンコウ</t>
    </rPh>
    <phoneticPr fontId="3"/>
  </si>
  <si>
    <t>３の事後調査を実施した月を基準とする直近１年間</t>
    <rPh sb="2" eb="4">
      <t>ジゴ</t>
    </rPh>
    <rPh sb="4" eb="6">
      <t>チョウサ</t>
    </rPh>
    <rPh sb="7" eb="9">
      <t>ジッシ</t>
    </rPh>
    <rPh sb="11" eb="12">
      <t>ツキ</t>
    </rPh>
    <rPh sb="13" eb="15">
      <t>キジュン</t>
    </rPh>
    <rPh sb="18" eb="20">
      <t>チョッキン</t>
    </rPh>
    <rPh sb="21" eb="23">
      <t>ネンカン</t>
    </rPh>
    <phoneticPr fontId="3"/>
  </si>
  <si>
    <t>年次有給休暇取得日数</t>
    <rPh sb="0" eb="2">
      <t>ネンジ</t>
    </rPh>
    <rPh sb="2" eb="4">
      <t>ユウキュウ</t>
    </rPh>
    <rPh sb="4" eb="6">
      <t>キュウカ</t>
    </rPh>
    <rPh sb="6" eb="8">
      <t>シュトク</t>
    </rPh>
    <rPh sb="8" eb="10">
      <t>ニッスウ</t>
    </rPh>
    <phoneticPr fontId="3"/>
  </si>
  <si>
    <t>（※）対象期間における調査対象者の取得した年次有給休暇の日数（調査対象者平均、小数点第１位まで記載）（日）</t>
    <phoneticPr fontId="3"/>
  </si>
  <si>
    <t>４　介護職員の心理的負担等の変化</t>
    <rPh sb="12" eb="13">
      <t>ナド</t>
    </rPh>
    <rPh sb="14" eb="16">
      <t>ヘンカ</t>
    </rPh>
    <phoneticPr fontId="3"/>
  </si>
  <si>
    <t>①－１　ＳＲＳー18（事前調査）　調査対象人数　人</t>
    <rPh sb="11" eb="13">
      <t>ジゼン</t>
    </rPh>
    <rPh sb="13" eb="15">
      <t>チョウサ</t>
    </rPh>
    <phoneticPr fontId="3"/>
  </si>
  <si>
    <t>0点～7点</t>
    <rPh sb="1" eb="2">
      <t>テン</t>
    </rPh>
    <rPh sb="4" eb="5">
      <t>テン</t>
    </rPh>
    <phoneticPr fontId="3"/>
  </si>
  <si>
    <t>8点～19点</t>
    <rPh sb="1" eb="2">
      <t>テン</t>
    </rPh>
    <rPh sb="5" eb="6">
      <t>テン</t>
    </rPh>
    <phoneticPr fontId="3"/>
  </si>
  <si>
    <t>20点～31点</t>
    <rPh sb="2" eb="3">
      <t>テン</t>
    </rPh>
    <rPh sb="6" eb="7">
      <t>テン</t>
    </rPh>
    <phoneticPr fontId="3"/>
  </si>
  <si>
    <t>32点～54点</t>
    <rPh sb="2" eb="3">
      <t>テン</t>
    </rPh>
    <rPh sb="6" eb="7">
      <t>テン</t>
    </rPh>
    <phoneticPr fontId="3"/>
  </si>
  <si>
    <t>①－２　ＳＲＳー18（事後調査）　調査対象人数　人</t>
    <rPh sb="11" eb="13">
      <t>ジゴ</t>
    </rPh>
    <rPh sb="13" eb="15">
      <t>チョウサ</t>
    </rPh>
    <phoneticPr fontId="3"/>
  </si>
  <si>
    <t>調査対象者に関して、数値が悪化していないことの確認</t>
    <rPh sb="0" eb="2">
      <t>チョウサ</t>
    </rPh>
    <rPh sb="2" eb="4">
      <t>タイショウ</t>
    </rPh>
    <rPh sb="4" eb="5">
      <t>シャ</t>
    </rPh>
    <rPh sb="6" eb="7">
      <t>カンスウチタンシュクカクニン</t>
    </rPh>
    <rPh sb="13" eb="15">
      <t>アッカ</t>
    </rPh>
    <phoneticPr fontId="3"/>
  </si>
  <si>
    <t>② －１　モチベーションの変化（事前調査）　調査対象人数　人</t>
    <rPh sb="16" eb="18">
      <t>ジゼン</t>
    </rPh>
    <rPh sb="18" eb="20">
      <t>チョウサ</t>
    </rPh>
    <phoneticPr fontId="3"/>
  </si>
  <si>
    <t>-3点 ～ -1点</t>
    <rPh sb="0" eb="9">
      <t>テン</t>
    </rPh>
    <phoneticPr fontId="3"/>
  </si>
  <si>
    <t>0点</t>
    <rPh sb="1" eb="2">
      <t>テン</t>
    </rPh>
    <phoneticPr fontId="3"/>
  </si>
  <si>
    <t>1点 ～ 3点</t>
    <rPh sb="1" eb="2">
      <t>テン</t>
    </rPh>
    <rPh sb="6" eb="7">
      <t>テン</t>
    </rPh>
    <phoneticPr fontId="3"/>
  </si>
  <si>
    <t>仕事のやりがい</t>
    <rPh sb="0" eb="2">
      <t>シゴト</t>
    </rPh>
    <phoneticPr fontId="3"/>
  </si>
  <si>
    <t>職場の活気</t>
    <rPh sb="0" eb="2">
      <t>ショクバ</t>
    </rPh>
    <rPh sb="3" eb="5">
      <t>カッキ</t>
    </rPh>
    <phoneticPr fontId="3"/>
  </si>
  <si>
    <t>② －２　モチベーションの変化（事後調査）　調査対象人数　人</t>
    <rPh sb="16" eb="18">
      <t>ジゴ</t>
    </rPh>
    <rPh sb="18" eb="20">
      <t>チョウサ</t>
    </rPh>
    <phoneticPr fontId="3"/>
  </si>
  <si>
    <t>備考　詳細については、別途通知（「指定居宅サービス等の事業の人員、設備及び運営に関する基準」等における生産性向上に先進的に取り組む特定施設等に係る人員配置基準の留意点について」）を参照すること。</t>
    <rPh sb="0" eb="2">
      <t>ビコウ</t>
    </rPh>
    <phoneticPr fontId="3"/>
  </si>
  <si>
    <t>　　　</t>
    <phoneticPr fontId="3"/>
  </si>
  <si>
    <t>サービス提供体制強化加算（Ⅰ）</t>
    <rPh sb="4" eb="6">
      <t>テイキョウ</t>
    </rPh>
    <rPh sb="6" eb="8">
      <t>タイセイ</t>
    </rPh>
    <rPh sb="8" eb="10">
      <t>キョウカ</t>
    </rPh>
    <rPh sb="10" eb="12">
      <t>カサン</t>
    </rPh>
    <phoneticPr fontId="3"/>
  </si>
  <si>
    <t>サービス提供体制強化加算（Ⅱ）</t>
    <rPh sb="4" eb="6">
      <t>テイキョウ</t>
    </rPh>
    <rPh sb="6" eb="8">
      <t>タイセイ</t>
    </rPh>
    <rPh sb="8" eb="10">
      <t>キョウカ</t>
    </rPh>
    <rPh sb="10" eb="12">
      <t>カサン</t>
    </rPh>
    <phoneticPr fontId="3"/>
  </si>
  <si>
    <t>サービス提供体制強化加算（Ⅲ）</t>
    <rPh sb="4" eb="6">
      <t>テイキョウ</t>
    </rPh>
    <rPh sb="6" eb="8">
      <t>タイセイ</t>
    </rPh>
    <rPh sb="8" eb="10">
      <t>キョウカ</t>
    </rPh>
    <rPh sb="10" eb="12">
      <t>カサン</t>
    </rPh>
    <phoneticPr fontId="3"/>
  </si>
  <si>
    <t>上記「サービス提供体制強化加算（Ⅰ）」の添付書類のうち①～④</t>
  </si>
  <si>
    <t>①サービス提供体制強化加算に関する届出書（別紙14-5)
②研修の実施計画
③利用者情報若しくはサービス提供上の留意事項の伝達又は技術指導を目的とした会議の開催を確認できる書面（会議録等）
④健康診断の実施状況を確認できる書面
⑤従業者の勤務の体制及び勤務形態一覧表(別紙7)
⑥介護福祉士の資格証の写し
※⑦は算定要件に応じて添付
⑦雇用期間証明書(勤続年数10年以上であることが確認できること）（任意様式）</t>
    <phoneticPr fontId="3"/>
  </si>
  <si>
    <t xml:space="preserve">①サービス提供体制強化加算に関する届出書（別紙14-5)
②従業者の勤務の体制及び勤務形態一覧表(別紙7)
※③～⑤は算定要件に応じて添付
③介護福祉士の資格証の写し
④実務者研修修了者及び介護職員基礎研修課程修了者の修了証の写し
⑤雇用期間証明書(勤続年数7年以上であることが確認できること）（任意様式）
</t>
    <rPh sb="85" eb="88">
      <t>ジツムシャ</t>
    </rPh>
    <rPh sb="88" eb="90">
      <t>ケンシュウ</t>
    </rPh>
    <rPh sb="90" eb="93">
      <t>シュウリョウシャ</t>
    </rPh>
    <rPh sb="93" eb="94">
      <t>オヨ</t>
    </rPh>
    <rPh sb="95" eb="97">
      <t>カイゴ</t>
    </rPh>
    <rPh sb="97" eb="99">
      <t>ショクイン</t>
    </rPh>
    <rPh sb="99" eb="101">
      <t>キソ</t>
    </rPh>
    <rPh sb="101" eb="103">
      <t>ケンシュウ</t>
    </rPh>
    <rPh sb="103" eb="105">
      <t>カテイ</t>
    </rPh>
    <rPh sb="105" eb="108">
      <t>シュウリョウシャ</t>
    </rPh>
    <phoneticPr fontId="6"/>
  </si>
  <si>
    <t>①地域密着型サービス事業者又は地域密着型介護予防サービス事業者等による介護給付費の割引に係る割引率の設定について（別紙5-2）</t>
    <phoneticPr fontId="3"/>
  </si>
  <si>
    <t>（別紙５ー２）</t>
    <phoneticPr fontId="3"/>
  </si>
  <si>
    <t>（宛先）富山市長</t>
    <rPh sb="1" eb="3">
      <t>アテサキ</t>
    </rPh>
    <rPh sb="4" eb="8">
      <t>トヤマシチョウ</t>
    </rPh>
    <phoneticPr fontId="3"/>
  </si>
  <si>
    <t>　　記載してください。</t>
    <phoneticPr fontId="3"/>
  </si>
  <si>
    <t>（別紙42）</t>
    <phoneticPr fontId="3"/>
  </si>
  <si>
    <t>総合マネジメント体制強化加算に係る届出書</t>
    <rPh sb="0" eb="2">
      <t>ソウゴウ</t>
    </rPh>
    <rPh sb="8" eb="10">
      <t>タイセイ</t>
    </rPh>
    <rPh sb="10" eb="12">
      <t>キョウカ</t>
    </rPh>
    <rPh sb="12" eb="14">
      <t>カサン</t>
    </rPh>
    <rPh sb="15" eb="16">
      <t>カカ</t>
    </rPh>
    <rPh sb="17" eb="20">
      <t>トドケデショ</t>
    </rPh>
    <phoneticPr fontId="3"/>
  </si>
  <si>
    <t>施設等の区分</t>
    <phoneticPr fontId="3"/>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2　(介護予防）小規模多機能型居宅介護事業所</t>
    <rPh sb="8" eb="11">
      <t>ショウキボ</t>
    </rPh>
    <rPh sb="11" eb="15">
      <t>タキノウガタ</t>
    </rPh>
    <rPh sb="15" eb="17">
      <t>キョタク</t>
    </rPh>
    <rPh sb="17" eb="19">
      <t>カイゴ</t>
    </rPh>
    <rPh sb="19" eb="22">
      <t>ジギョウショ</t>
    </rPh>
    <phoneticPr fontId="3"/>
  </si>
  <si>
    <t>3　看護小規模多機能型居宅介護事業所</t>
    <phoneticPr fontId="3"/>
  </si>
  <si>
    <t>1　総合マネジメント体制強化加算（Ⅰ）</t>
    <rPh sb="2" eb="4">
      <t>ソウゴウ</t>
    </rPh>
    <rPh sb="10" eb="12">
      <t>タイセイ</t>
    </rPh>
    <rPh sb="12" eb="14">
      <t>キョウカ</t>
    </rPh>
    <rPh sb="14" eb="16">
      <t>カサン</t>
    </rPh>
    <phoneticPr fontId="3"/>
  </si>
  <si>
    <t>2　総合マネジメント体制強化加算（Ⅱ）</t>
    <phoneticPr fontId="3"/>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3"/>
  </si>
  <si>
    <t>○定期巡回・随時対応型訪問介護看護</t>
    <phoneticPr fontId="3"/>
  </si>
  <si>
    <t xml:space="preserve">① </t>
    <phoneticPr fontId="3"/>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3"/>
  </si>
  <si>
    <t>②</t>
    <phoneticPr fontId="3"/>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3"/>
  </si>
  <si>
    <t>③</t>
    <phoneticPr fontId="3"/>
  </si>
  <si>
    <t>日常的に利用者と関わりのある地域住民等の相談に対応する体制を確保していること。</t>
    <phoneticPr fontId="3"/>
  </si>
  <si>
    <t>④</t>
    <phoneticPr fontId="3"/>
  </si>
  <si>
    <t>地域住民等との連携により、地域資源を効果的に活用し、利用者の状態に応じた支援を行っている。</t>
    <phoneticPr fontId="3"/>
  </si>
  <si>
    <t>⑤</t>
    <phoneticPr fontId="3"/>
  </si>
  <si>
    <t>事業所の
特性に
応じて
１つ以上実施している</t>
    <phoneticPr fontId="3"/>
  </si>
  <si>
    <t>障害福祉サービス事業所、児童福祉施設等と協働し、地域において世代間の交流を行っている。</t>
    <rPh sb="37" eb="38">
      <t>オコナ</t>
    </rPh>
    <phoneticPr fontId="3"/>
  </si>
  <si>
    <t xml:space="preserve">地域住民等、他事業所等と共同で事例検討会、研修会等を実施している。 </t>
    <phoneticPr fontId="3"/>
  </si>
  <si>
    <t>市町村が実施する通いの場や在宅医療・介護連携推進事業等の地域支援事業等に参加している。</t>
    <phoneticPr fontId="3"/>
  </si>
  <si>
    <t>地域住民及び利用者の住まいに関する相談に応じ、必要な支援を行っている。</t>
    <phoneticPr fontId="3"/>
  </si>
  <si>
    <t>○（介護予防）小規模多機能型居宅介護</t>
    <phoneticPr fontId="3"/>
  </si>
  <si>
    <t xml:space="preserve">① </t>
    <phoneticPr fontId="3"/>
  </si>
  <si>
    <t>利用者の心身の状況又はその家族等を取り巻く環境の変化に応じ、随時、介護支援専門員、看護師、准看護師、介護職員その他の関係者が共同し、小規模多機能型居宅介護計画の見直しを行っている。</t>
    <phoneticPr fontId="3"/>
  </si>
  <si>
    <t>利用者の地域における多様な活動が確保されるよう、日常的に地域住民等との交流を図り、利用者の状態に応じて、地域の行事や活動等に積極的に参加している。</t>
    <phoneticPr fontId="3"/>
  </si>
  <si>
    <t>③</t>
    <phoneticPr fontId="3"/>
  </si>
  <si>
    <t>必要に応じて、多様な主体が提供する生活支援のサービス（インフォーマルサービス含む）が包括的に提供されるような居宅サービス計画を作成している。</t>
    <phoneticPr fontId="3"/>
  </si>
  <si>
    <t>事業所の
特性に
応じて
１つ以上実施している</t>
    <phoneticPr fontId="3"/>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3"/>
  </si>
  <si>
    <t>市町村が実施する通いの場や在宅医療・介護連携推進事業等の地域支援事業等に参加している。</t>
    <phoneticPr fontId="3"/>
  </si>
  <si>
    <t>○看護小規模多機能型居宅介護</t>
    <phoneticPr fontId="3"/>
  </si>
  <si>
    <t>①</t>
    <phoneticPr fontId="3"/>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3"/>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3"/>
  </si>
  <si>
    <t>日常的に利用者と関わりのある地域住民等の相談に対応する体制を確保していること。</t>
    <phoneticPr fontId="3"/>
  </si>
  <si>
    <t>⑥</t>
    <phoneticPr fontId="3"/>
  </si>
  <si>
    <t xml:space="preserve">地域住民等、他事業所等と共同で事例検討会、研修会等を実施している。 </t>
    <phoneticPr fontId="3"/>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3"/>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3"/>
  </si>
  <si>
    <t>①</t>
    <phoneticPr fontId="3"/>
  </si>
  <si>
    <t>総合マネジメント体制強化加算（Ⅰ）の基準の①～②のいずれにも該当している。</t>
    <phoneticPr fontId="3"/>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3"/>
  </si>
  <si>
    <t>総合マネジメント体制強化加算（Ⅰ）の基準の①～③のいずれにも該当している。</t>
    <phoneticPr fontId="3"/>
  </si>
  <si>
    <t>備考　要件を満たすことが分かる根拠書類を準備し、指定権者からの求めがあった場合には、</t>
    <phoneticPr fontId="3"/>
  </si>
  <si>
    <t>①総合マネジメント体制強化加算に係る届出書（別紙42）
②小規模多機能型居宅介護の計画見直し体制を示す書類（任意様式）
③地域との連携を行っていることを示す書類（参加予定の地域活動予定表等）</t>
    <rPh sb="22" eb="24">
      <t>ベッシ</t>
    </rPh>
    <phoneticPr fontId="3"/>
  </si>
  <si>
    <t>①看取り連携体制加算に係る届出書（別紙13）
②看護師により24時間連絡できる体制を確保していることが分かる書類
③看取り期における対応方針</t>
    <rPh sb="17" eb="19">
      <t>ベッシ</t>
    </rPh>
    <phoneticPr fontId="3"/>
  </si>
  <si>
    <t>（別紙13）</t>
    <phoneticPr fontId="3"/>
  </si>
  <si>
    <t>看取り連携体制加算に係る届出書</t>
    <rPh sb="0" eb="2">
      <t>ミト</t>
    </rPh>
    <rPh sb="3" eb="5">
      <t>レンケイ</t>
    </rPh>
    <rPh sb="5" eb="7">
      <t>タイセイ</t>
    </rPh>
    <rPh sb="7" eb="9">
      <t>カサン</t>
    </rPh>
    <rPh sb="10" eb="11">
      <t>カカ</t>
    </rPh>
    <rPh sb="12" eb="15">
      <t>トドケデショ</t>
    </rPh>
    <phoneticPr fontId="3"/>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3"/>
  </si>
  <si>
    <t>1　訪問入浴介護事業所</t>
    <rPh sb="2" eb="11">
      <t>ホウモンニュウヨクカイゴジギョウショ</t>
    </rPh>
    <phoneticPr fontId="3"/>
  </si>
  <si>
    <t>2　短期入所生活介護事業所</t>
    <rPh sb="2" eb="13">
      <t>タンキニュウショセイカツカイゴジギョウショ</t>
    </rPh>
    <phoneticPr fontId="3"/>
  </si>
  <si>
    <t>3　小規模多機能型居宅介護事業所</t>
    <rPh sb="2" eb="5">
      <t>ショウキボ</t>
    </rPh>
    <rPh sb="5" eb="9">
      <t>タキノウガタ</t>
    </rPh>
    <rPh sb="9" eb="11">
      <t>キョタク</t>
    </rPh>
    <rPh sb="11" eb="13">
      <t>カイゴ</t>
    </rPh>
    <rPh sb="13" eb="16">
      <t>ジギョウショ</t>
    </rPh>
    <phoneticPr fontId="3"/>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3"/>
  </si>
  <si>
    <t>訪問入浴
介護</t>
    <rPh sb="0" eb="2">
      <t>ホウモン</t>
    </rPh>
    <rPh sb="2" eb="4">
      <t>ニュウヨク</t>
    </rPh>
    <rPh sb="5" eb="7">
      <t>カイゴ</t>
    </rPh>
    <phoneticPr fontId="3"/>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3"/>
  </si>
  <si>
    <t>看取り期における対応方針を定め、利用開始の際に、利用者又はその家族等に対して、当該対応方針の内容を説明し、同意を得ている。</t>
    <phoneticPr fontId="3"/>
  </si>
  <si>
    <t>看取りに関する職員研修を行っている。</t>
    <rPh sb="0" eb="2">
      <t>ミト</t>
    </rPh>
    <rPh sb="4" eb="5">
      <t>カン</t>
    </rPh>
    <rPh sb="7" eb="9">
      <t>ショクイン</t>
    </rPh>
    <rPh sb="9" eb="11">
      <t>ケンシュウ</t>
    </rPh>
    <rPh sb="12" eb="13">
      <t>オコナ</t>
    </rPh>
    <phoneticPr fontId="3"/>
  </si>
  <si>
    <t>「人生の最終段階における医療・ケアの決定プロセスに関するガイドライン」等の内容に沿った取組を行っている。</t>
    <phoneticPr fontId="3"/>
  </si>
  <si>
    <t>短期入所
生活介護</t>
    <rPh sb="0" eb="2">
      <t>タンキ</t>
    </rPh>
    <rPh sb="2" eb="4">
      <t>ニュウショ</t>
    </rPh>
    <rPh sb="5" eb="7">
      <t>セイカツ</t>
    </rPh>
    <rPh sb="7" eb="9">
      <t>カイゴ</t>
    </rPh>
    <phoneticPr fontId="3"/>
  </si>
  <si>
    <t>看護体制加算（Ⅱ）又は（Ⅳ）イ若しくはロを算定している。</t>
    <rPh sb="2" eb="4">
      <t>タイセイ</t>
    </rPh>
    <rPh sb="9" eb="10">
      <t>マタ</t>
    </rPh>
    <rPh sb="15" eb="16">
      <t>モ</t>
    </rPh>
    <phoneticPr fontId="3"/>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3"/>
  </si>
  <si>
    <t>看取り期における対応方針を定め、利用開始の際に、登録者又はその家族等に当該方針の内容を説明し、同意を得ている。</t>
    <phoneticPr fontId="3"/>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3"/>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3"/>
  </si>
  <si>
    <t>小規模多機能型居宅介護</t>
    <rPh sb="0" eb="11">
      <t>ショウキボタキノウガタキョタクカイゴ</t>
    </rPh>
    <phoneticPr fontId="3"/>
  </si>
  <si>
    <t>看護職員配置加算（Ⅰ）を算定している。</t>
    <phoneticPr fontId="3"/>
  </si>
  <si>
    <t>看護師により24時間連絡できる体制を確保している。</t>
    <phoneticPr fontId="3"/>
  </si>
  <si>
    <t>宿泊室等において看取りを行う場合に、プライバシーの確保及び家族へ配慮をすることについて十分留意している。</t>
  </si>
  <si>
    <t>①訪問体制強化加算に係る届出書（別紙45）
②従業者の勤務の体制及び勤務形態一覧表(別紙7-a)</t>
    <rPh sb="16" eb="18">
      <t>ベッシ</t>
    </rPh>
    <phoneticPr fontId="3"/>
  </si>
  <si>
    <t>介護給付費算定に係る体制等状況一覧表　添付書類一覧（小規模多機能型居宅介護）</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rPh sb="26" eb="29">
      <t>ショウキボ</t>
    </rPh>
    <rPh sb="29" eb="33">
      <t>タキノウガタ</t>
    </rPh>
    <rPh sb="33" eb="35">
      <t>キョタク</t>
    </rPh>
    <rPh sb="35" eb="37">
      <t>カイゴ</t>
    </rPh>
    <phoneticPr fontId="3"/>
  </si>
  <si>
    <t>（別紙45）</t>
    <phoneticPr fontId="3"/>
  </si>
  <si>
    <t>訪問体制強化加算に係る届出書</t>
    <rPh sb="0" eb="2">
      <t>ホウモン</t>
    </rPh>
    <rPh sb="2" eb="4">
      <t>タイセイ</t>
    </rPh>
    <rPh sb="4" eb="6">
      <t>キョウカ</t>
    </rPh>
    <rPh sb="6" eb="8">
      <t>カサン</t>
    </rPh>
    <rPh sb="9" eb="10">
      <t>カカ</t>
    </rPh>
    <rPh sb="11" eb="14">
      <t>トドケデショ</t>
    </rPh>
    <phoneticPr fontId="3"/>
  </si>
  <si>
    <t>異動等区分</t>
    <phoneticPr fontId="3"/>
  </si>
  <si>
    <t>1　新規</t>
    <phoneticPr fontId="3"/>
  </si>
  <si>
    <t>2　変更</t>
    <phoneticPr fontId="3"/>
  </si>
  <si>
    <t>3　終了</t>
    <phoneticPr fontId="3"/>
  </si>
  <si>
    <t>2　看護小規模多機能型居宅介護事業所</t>
    <phoneticPr fontId="3"/>
  </si>
  <si>
    <t>訪問体制強化加算に係る届出内容</t>
    <rPh sb="0" eb="2">
      <t>ホウモン</t>
    </rPh>
    <rPh sb="2" eb="4">
      <t>タイセイ</t>
    </rPh>
    <rPh sb="4" eb="6">
      <t>キョウカ</t>
    </rPh>
    <rPh sb="6" eb="8">
      <t>カサン</t>
    </rPh>
    <rPh sb="9" eb="10">
      <t>カカワ</t>
    </rPh>
    <rPh sb="11" eb="13">
      <t>トドケデ</t>
    </rPh>
    <rPh sb="13" eb="15">
      <t>ナイヨウ</t>
    </rPh>
    <phoneticPr fontId="3"/>
  </si>
  <si>
    <t>・</t>
    <phoneticPr fontId="3"/>
  </si>
  <si>
    <t>職員配置の状況</t>
    <rPh sb="0" eb="2">
      <t>ショクイン</t>
    </rPh>
    <rPh sb="2" eb="4">
      <t>ハイチ</t>
    </rPh>
    <rPh sb="5" eb="7">
      <t>ジョウキョウ</t>
    </rPh>
    <phoneticPr fontId="3"/>
  </si>
  <si>
    <r>
      <t xml:space="preserve">事業所が提供する訪問サービスの提供に当たる常勤の従業者を２名以上配置している。
</t>
    </r>
    <r>
      <rPr>
        <sz val="8"/>
        <rFont val="HGSｺﾞｼｯｸM"/>
        <family val="3"/>
        <charset val="128"/>
      </rPr>
      <t>※ただし、看護小規模多機能型居宅介護の場合、看護サービスを除く。また、常勤の従業者については、保健師、看護師、准看護師、理学療法士、作業療法士、言語聴覚士を除く。</t>
    </r>
    <rPh sb="0" eb="3">
      <t>ジギョウショ</t>
    </rPh>
    <rPh sb="4" eb="6">
      <t>テイキョウ</t>
    </rPh>
    <rPh sb="8" eb="10">
      <t>ホウモン</t>
    </rPh>
    <rPh sb="15" eb="17">
      <t>テイキョウ</t>
    </rPh>
    <rPh sb="18" eb="19">
      <t>ア</t>
    </rPh>
    <rPh sb="21" eb="23">
      <t>ジョウキン</t>
    </rPh>
    <rPh sb="24" eb="27">
      <t>ジュウギョウシャ</t>
    </rPh>
    <rPh sb="29" eb="30">
      <t>メイ</t>
    </rPh>
    <rPh sb="30" eb="32">
      <t>イジョウ</t>
    </rPh>
    <rPh sb="32" eb="34">
      <t>ハイチ</t>
    </rPh>
    <rPh sb="45" eb="47">
      <t>カンゴ</t>
    </rPh>
    <rPh sb="47" eb="50">
      <t>ショウキボ</t>
    </rPh>
    <rPh sb="50" eb="53">
      <t>タキノウ</t>
    </rPh>
    <rPh sb="53" eb="54">
      <t>ガタ</t>
    </rPh>
    <rPh sb="54" eb="56">
      <t>キョタク</t>
    </rPh>
    <rPh sb="56" eb="58">
      <t>カイゴ</t>
    </rPh>
    <rPh sb="59" eb="61">
      <t>バアイ</t>
    </rPh>
    <rPh sb="62" eb="64">
      <t>カンゴ</t>
    </rPh>
    <rPh sb="69" eb="70">
      <t>ノゾ</t>
    </rPh>
    <rPh sb="75" eb="77">
      <t>ジョウキン</t>
    </rPh>
    <rPh sb="78" eb="81">
      <t>ジュウギョウシャ</t>
    </rPh>
    <rPh sb="87" eb="90">
      <t>ホケンシ</t>
    </rPh>
    <rPh sb="91" eb="94">
      <t>カンゴシ</t>
    </rPh>
    <rPh sb="95" eb="99">
      <t>ジュンカンゴシ</t>
    </rPh>
    <rPh sb="100" eb="102">
      <t>リガク</t>
    </rPh>
    <rPh sb="102" eb="105">
      <t>リョウホウシ</t>
    </rPh>
    <rPh sb="106" eb="108">
      <t>サギョウ</t>
    </rPh>
    <rPh sb="108" eb="111">
      <t>リョウホウシ</t>
    </rPh>
    <rPh sb="112" eb="114">
      <t>ゲンゴ</t>
    </rPh>
    <rPh sb="114" eb="117">
      <t>チョウカクシ</t>
    </rPh>
    <rPh sb="118" eb="119">
      <t>ノゾ</t>
    </rPh>
    <phoneticPr fontId="3"/>
  </si>
  <si>
    <t>・</t>
    <phoneticPr fontId="3"/>
  </si>
  <si>
    <t>事業所の
状況</t>
    <rPh sb="0" eb="3">
      <t>ジギョウショ</t>
    </rPh>
    <rPh sb="5" eb="7">
      <t>ジョウキョウ</t>
    </rPh>
    <phoneticPr fontId="3"/>
  </si>
  <si>
    <t>事業所と同一建物に集合住宅（養護老人ホーム、軽費老人ホーム、有料老人ホーム、サービス付き高齢者向け住宅であって登録を受けたもの）を併設している。</t>
    <rPh sb="0" eb="3">
      <t>ジギョウショ</t>
    </rPh>
    <rPh sb="4" eb="6">
      <t>ドウイツ</t>
    </rPh>
    <rPh sb="6" eb="8">
      <t>タテモノ</t>
    </rPh>
    <rPh sb="9" eb="11">
      <t>シュウゴウ</t>
    </rPh>
    <rPh sb="11" eb="13">
      <t>ジュウタク</t>
    </rPh>
    <rPh sb="55" eb="57">
      <t>トウロク</t>
    </rPh>
    <rPh sb="58" eb="59">
      <t>ウ</t>
    </rPh>
    <rPh sb="65" eb="67">
      <t>ヘイセツ</t>
    </rPh>
    <phoneticPr fontId="3"/>
  </si>
  <si>
    <t>サービス提供の状況</t>
    <rPh sb="4" eb="6">
      <t>テイキョウ</t>
    </rPh>
    <rPh sb="7" eb="9">
      <t>ジョウキョウ</t>
    </rPh>
    <phoneticPr fontId="3"/>
  </si>
  <si>
    <t xml:space="preserve"> (1) 事業所が同一建物に集合住宅を併設していない（２で無を選択した）場合</t>
    <rPh sb="5" eb="8">
      <t>ジギョウショ</t>
    </rPh>
    <rPh sb="9" eb="11">
      <t>ドウイツ</t>
    </rPh>
    <rPh sb="11" eb="13">
      <t>タテモノ</t>
    </rPh>
    <rPh sb="14" eb="16">
      <t>シュウゴウ</t>
    </rPh>
    <rPh sb="16" eb="18">
      <t>ジュウタク</t>
    </rPh>
    <rPh sb="19" eb="21">
      <t>ヘイセツ</t>
    </rPh>
    <rPh sb="29" eb="30">
      <t>ナ</t>
    </rPh>
    <rPh sb="31" eb="33">
      <t>センタク</t>
    </rPh>
    <rPh sb="36" eb="38">
      <t>バアイ</t>
    </rPh>
    <phoneticPr fontId="3"/>
  </si>
  <si>
    <t>　訪問回数が１月当たり延べ200回以上である。</t>
    <rPh sb="1" eb="3">
      <t>ホウモン</t>
    </rPh>
    <rPh sb="3" eb="5">
      <t>カイスウ</t>
    </rPh>
    <rPh sb="7" eb="8">
      <t>ツキ</t>
    </rPh>
    <rPh sb="8" eb="9">
      <t>ア</t>
    </rPh>
    <rPh sb="11" eb="12">
      <t>ノ</t>
    </rPh>
    <rPh sb="16" eb="17">
      <t>カイ</t>
    </rPh>
    <rPh sb="17" eb="19">
      <t>イジョウ</t>
    </rPh>
    <phoneticPr fontId="3"/>
  </si>
  <si>
    <t xml:space="preserve"> (2) 事業所が同一建物に集合住宅を併設している（２で有を選択した）場合</t>
    <rPh sb="5" eb="8">
      <t>ジギョウショ</t>
    </rPh>
    <rPh sb="9" eb="11">
      <t>ドウイツ</t>
    </rPh>
    <rPh sb="11" eb="13">
      <t>タテモノ</t>
    </rPh>
    <rPh sb="14" eb="16">
      <t>シュウゴウ</t>
    </rPh>
    <rPh sb="16" eb="18">
      <t>ジュウタク</t>
    </rPh>
    <rPh sb="19" eb="21">
      <t>ヘイセツ</t>
    </rPh>
    <rPh sb="28" eb="29">
      <t>ア</t>
    </rPh>
    <rPh sb="30" eb="32">
      <t>センタク</t>
    </rPh>
    <rPh sb="35" eb="37">
      <t>バアイ</t>
    </rPh>
    <phoneticPr fontId="3"/>
  </si>
  <si>
    <t>　①に占める②の割合が50％以上</t>
    <rPh sb="3" eb="4">
      <t>シ</t>
    </rPh>
    <rPh sb="8" eb="10">
      <t>ワリアイ</t>
    </rPh>
    <rPh sb="14" eb="16">
      <t>イジョウ</t>
    </rPh>
    <phoneticPr fontId="3"/>
  </si>
  <si>
    <t>登録者の総数</t>
    <rPh sb="0" eb="3">
      <t>トウロクシャ</t>
    </rPh>
    <rPh sb="4" eb="6">
      <t>ソウスウ</t>
    </rPh>
    <phoneticPr fontId="3"/>
  </si>
  <si>
    <t>②</t>
    <phoneticPr fontId="3"/>
  </si>
  <si>
    <t>同一建物居住者以外の者（（看護）小規模多機能型居宅介護費のイ(1)を算定する者）の数</t>
    <rPh sb="0" eb="2">
      <t>ドウイツ</t>
    </rPh>
    <rPh sb="2" eb="4">
      <t>タテモノ</t>
    </rPh>
    <rPh sb="4" eb="7">
      <t>キョジュウシャ</t>
    </rPh>
    <rPh sb="7" eb="9">
      <t>イガイ</t>
    </rPh>
    <rPh sb="10" eb="11">
      <t>シャ</t>
    </rPh>
    <rPh sb="13" eb="15">
      <t>カンゴ</t>
    </rPh>
    <rPh sb="16" eb="19">
      <t>ショウキボ</t>
    </rPh>
    <rPh sb="19" eb="23">
      <t>タキノウガタ</t>
    </rPh>
    <rPh sb="23" eb="25">
      <t>キョタク</t>
    </rPh>
    <rPh sb="25" eb="27">
      <t>カイゴ</t>
    </rPh>
    <rPh sb="27" eb="28">
      <t>ヒ</t>
    </rPh>
    <rPh sb="34" eb="36">
      <t>サンテイ</t>
    </rPh>
    <rPh sb="38" eb="39">
      <t>シャ</t>
    </rPh>
    <rPh sb="41" eb="42">
      <t>カズ</t>
    </rPh>
    <phoneticPr fontId="3"/>
  </si>
  <si>
    <t>　②の者に対する訪問回数が１月当たり延べ200回以上である。</t>
    <rPh sb="3" eb="4">
      <t>シャ</t>
    </rPh>
    <rPh sb="5" eb="6">
      <t>タイ</t>
    </rPh>
    <rPh sb="8" eb="10">
      <t>ホウモン</t>
    </rPh>
    <rPh sb="10" eb="12">
      <t>カイスウ</t>
    </rPh>
    <rPh sb="14" eb="15">
      <t>ツキ</t>
    </rPh>
    <rPh sb="15" eb="16">
      <t>ア</t>
    </rPh>
    <rPh sb="18" eb="19">
      <t>ノ</t>
    </rPh>
    <rPh sb="23" eb="24">
      <t>カイ</t>
    </rPh>
    <rPh sb="24" eb="26">
      <t>イジョウ</t>
    </rPh>
    <phoneticPr fontId="3"/>
  </si>
  <si>
    <t>備考　要件を満たすことが分かる根拠書類を準備し、指定権者からの求めがあった場合には、</t>
    <phoneticPr fontId="3"/>
  </si>
  <si>
    <t>（別紙14－5）</t>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3"/>
  </si>
  <si>
    <t>1　事 業 所 名</t>
    <phoneticPr fontId="3"/>
  </si>
  <si>
    <t>2　異 動 区 分</t>
    <rPh sb="2" eb="3">
      <t>イ</t>
    </rPh>
    <rPh sb="4" eb="5">
      <t>ドウ</t>
    </rPh>
    <rPh sb="6" eb="7">
      <t>ク</t>
    </rPh>
    <rPh sb="8" eb="9">
      <t>ブン</t>
    </rPh>
    <phoneticPr fontId="3"/>
  </si>
  <si>
    <t>1　新規</t>
    <phoneticPr fontId="3"/>
  </si>
  <si>
    <t>2　変更</t>
    <phoneticPr fontId="3"/>
  </si>
  <si>
    <t>3　終了</t>
    <phoneticPr fontId="3"/>
  </si>
  <si>
    <t>3　施 設 種 別</t>
    <rPh sb="2" eb="3">
      <t>シ</t>
    </rPh>
    <rPh sb="4" eb="5">
      <t>セツ</t>
    </rPh>
    <rPh sb="6" eb="7">
      <t>シュ</t>
    </rPh>
    <rPh sb="8" eb="9">
      <t>ベツ</t>
    </rPh>
    <phoneticPr fontId="3"/>
  </si>
  <si>
    <t>1（介護予防）小規模多機能型居宅介護</t>
    <rPh sb="2" eb="4">
      <t>カイゴ</t>
    </rPh>
    <rPh sb="4" eb="6">
      <t>ヨボウ</t>
    </rPh>
    <rPh sb="7" eb="10">
      <t>ショウキボ</t>
    </rPh>
    <rPh sb="10" eb="14">
      <t>タキノウガタ</t>
    </rPh>
    <rPh sb="14" eb="16">
      <t>キョタク</t>
    </rPh>
    <rPh sb="16" eb="18">
      <t>カイゴ</t>
    </rPh>
    <phoneticPr fontId="3"/>
  </si>
  <si>
    <t>2　看護小規模多機能型居宅介護</t>
    <rPh sb="2" eb="4">
      <t>カンゴ</t>
    </rPh>
    <rPh sb="4" eb="7">
      <t>ショウキボ</t>
    </rPh>
    <rPh sb="7" eb="10">
      <t>タキノウ</t>
    </rPh>
    <rPh sb="10" eb="11">
      <t>ガタ</t>
    </rPh>
    <rPh sb="11" eb="13">
      <t>キョタク</t>
    </rPh>
    <rPh sb="13" eb="15">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t>
    <phoneticPr fontId="3"/>
  </si>
  <si>
    <t>①　研修計画を作成し、当該計画に従い、研修（外部における研修を
　含む）を実施又は実施を予定していること。</t>
    <phoneticPr fontId="3"/>
  </si>
  <si>
    <t>・</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70％以上</t>
    <rPh sb="2" eb="3">
      <t>シ</t>
    </rPh>
    <rPh sb="7" eb="9">
      <t>ワリアイ</t>
    </rPh>
    <rPh sb="13" eb="15">
      <t>イジョウ</t>
    </rPh>
    <phoneticPr fontId="3"/>
  </si>
  <si>
    <t>①</t>
    <phoneticPr fontId="3"/>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t>
    <phoneticPr fontId="3"/>
  </si>
  <si>
    <t>（２）サービス提供体制強化加算（Ⅱ）</t>
    <rPh sb="7" eb="9">
      <t>テイキョウ</t>
    </rPh>
    <rPh sb="9" eb="11">
      <t>タイセイ</t>
    </rPh>
    <rPh sb="11" eb="13">
      <t>キョウカ</t>
    </rPh>
    <rPh sb="13" eb="15">
      <t>カサン</t>
    </rPh>
    <phoneticPr fontId="3"/>
  </si>
  <si>
    <t>①に占める②の割合が50％以上</t>
    <rPh sb="2" eb="3">
      <t>シ</t>
    </rPh>
    <rPh sb="7" eb="9">
      <t>ワリアイ</t>
    </rPh>
    <rPh sb="13" eb="15">
      <t>イジョウ</t>
    </rPh>
    <phoneticPr fontId="3"/>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40％以上</t>
    <rPh sb="2" eb="3">
      <t>シ</t>
    </rPh>
    <rPh sb="7" eb="9">
      <t>ワリアイ</t>
    </rPh>
    <rPh sb="13" eb="15">
      <t>イジョウ</t>
    </rPh>
    <phoneticPr fontId="3"/>
  </si>
  <si>
    <t>常勤職員の
状況</t>
    <rPh sb="0" eb="2">
      <t>ジョウキン</t>
    </rPh>
    <rPh sb="2" eb="4">
      <t>ショクイン</t>
    </rPh>
    <rPh sb="6" eb="8">
      <t>ジョウキョウ</t>
    </rPh>
    <phoneticPr fontId="3"/>
  </si>
  <si>
    <t>①に占める②の割合が60％以上</t>
    <rPh sb="2" eb="3">
      <t>シ</t>
    </rPh>
    <rPh sb="7" eb="9">
      <t>ワリアイ</t>
    </rPh>
    <rPh sb="13" eb="15">
      <t>イジョウ</t>
    </rPh>
    <phoneticPr fontId="3"/>
  </si>
  <si>
    <t>①</t>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に占める②の割合が30％以上</t>
    <rPh sb="2" eb="3">
      <t>シ</t>
    </rPh>
    <rPh sb="7" eb="9">
      <t>ワリアイ</t>
    </rPh>
    <rPh sb="13" eb="15">
      <t>イジョウ</t>
    </rPh>
    <phoneticPr fontId="3"/>
  </si>
  <si>
    <t>①</t>
    <phoneticPr fontId="3"/>
  </si>
  <si>
    <t>従業者の総数（常勤換算）</t>
    <rPh sb="0" eb="3">
      <t>ジュウギョウシャ</t>
    </rPh>
    <rPh sb="2" eb="3">
      <t>モノ</t>
    </rPh>
    <rPh sb="4" eb="6">
      <t>ソウスウ</t>
    </rPh>
    <rPh sb="7" eb="9">
      <t>ジョウキン</t>
    </rPh>
    <rPh sb="9" eb="11">
      <t>カンサン</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phoneticPr fontId="3"/>
  </si>
  <si>
    <t>備考２</t>
    <rPh sb="0" eb="2">
      <t>ビコウ</t>
    </rPh>
    <phoneticPr fontId="3"/>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_ "/>
    <numFmt numFmtId="177" formatCode="0.0%"/>
  </numFmts>
  <fonts count="15"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
      <b/>
      <sz val="12"/>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sz val="10.5"/>
      <name val="HGSｺﾞｼｯｸM"/>
      <family val="3"/>
      <charset val="128"/>
    </font>
    <font>
      <sz val="20"/>
      <name val="HGSｺﾞｼｯｸM"/>
      <family val="3"/>
      <charset val="128"/>
    </font>
    <font>
      <sz val="12"/>
      <name val="HGPｺﾞｼｯｸE"/>
      <family val="3"/>
      <charset val="128"/>
    </font>
    <font>
      <sz val="11"/>
      <name val="Wingdings"/>
      <charset val="2"/>
    </font>
    <font>
      <u/>
      <sz val="11"/>
      <name val="HGSｺﾞｼｯｸM"/>
      <family val="3"/>
      <charset val="128"/>
    </font>
  </fonts>
  <fills count="3">
    <fill>
      <patternFill patternType="none"/>
    </fill>
    <fill>
      <patternFill patternType="gray125"/>
    </fill>
    <fill>
      <patternFill patternType="solid">
        <fgColor theme="5" tint="0.79998168889431442"/>
        <bgColor indexed="64"/>
      </patternFill>
    </fill>
  </fills>
  <borders count="37">
    <border>
      <left/>
      <right/>
      <top/>
      <bottom/>
      <diagonal/>
    </border>
    <border>
      <left/>
      <right style="thin">
        <color indexed="64"/>
      </right>
      <top/>
      <bottom/>
      <diagonal/>
    </border>
    <border>
      <left/>
      <right style="thin">
        <color indexed="64"/>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bottom style="dashed">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bottom style="hair">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dashed">
        <color indexed="64"/>
      </right>
      <top style="thin">
        <color indexed="64"/>
      </top>
      <bottom style="thin">
        <color indexed="64"/>
      </bottom>
      <diagonal/>
    </border>
  </borders>
  <cellStyleXfs count="5">
    <xf numFmtId="0" fontId="0" fillId="0" borderId="0"/>
    <xf numFmtId="0" fontId="1" fillId="0" borderId="0"/>
    <xf numFmtId="0" fontId="1" fillId="0" borderId="0">
      <alignment vertical="center"/>
    </xf>
    <xf numFmtId="0" fontId="1" fillId="0" borderId="0">
      <alignment vertical="center"/>
    </xf>
    <xf numFmtId="0" fontId="1" fillId="0" borderId="0">
      <alignment vertical="center"/>
    </xf>
  </cellStyleXfs>
  <cellXfs count="428">
    <xf numFmtId="0" fontId="0" fillId="0" borderId="0" xfId="0"/>
    <xf numFmtId="0" fontId="2" fillId="0" borderId="5" xfId="0" applyFont="1" applyBorder="1" applyAlignment="1">
      <alignment horizontal="left" vertical="center"/>
    </xf>
    <xf numFmtId="0" fontId="2" fillId="0" borderId="1" xfId="0" applyFont="1" applyBorder="1" applyAlignment="1">
      <alignment vertical="center"/>
    </xf>
    <xf numFmtId="0" fontId="2" fillId="0" borderId="9" xfId="0" applyFont="1" applyBorder="1" applyAlignment="1">
      <alignment horizontal="left" vertical="center"/>
    </xf>
    <xf numFmtId="0" fontId="2" fillId="0" borderId="0" xfId="0" applyFont="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0" xfId="0" applyFont="1"/>
    <xf numFmtId="0" fontId="2" fillId="0" borderId="3" xfId="0" applyFont="1" applyBorder="1"/>
    <xf numFmtId="0" fontId="2" fillId="0" borderId="1" xfId="0" applyFont="1" applyBorder="1"/>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0" xfId="0" applyFont="1" applyAlignment="1">
      <alignment horizontal="left" vertical="center" wrapText="1"/>
    </xf>
    <xf numFmtId="0" fontId="2" fillId="0" borderId="15" xfId="0" applyFont="1" applyBorder="1" applyAlignment="1">
      <alignment horizontal="left" vertical="center"/>
    </xf>
    <xf numFmtId="0" fontId="0" fillId="0" borderId="0" xfId="2" applyFont="1" applyFill="1" applyAlignment="1">
      <alignment vertical="center" wrapText="1"/>
    </xf>
    <xf numFmtId="0" fontId="0" fillId="0" borderId="4" xfId="2" applyFont="1" applyFill="1" applyBorder="1" applyAlignment="1">
      <alignment horizontal="left" vertical="top" wrapText="1"/>
    </xf>
    <xf numFmtId="0" fontId="0" fillId="0" borderId="18" xfId="2" applyFont="1" applyFill="1" applyBorder="1" applyAlignment="1">
      <alignment horizontal="left" vertical="top" wrapText="1"/>
    </xf>
    <xf numFmtId="0" fontId="0" fillId="0" borderId="0" xfId="2" applyFont="1" applyFill="1" applyAlignment="1">
      <alignment horizontal="left" vertical="center" wrapText="1"/>
    </xf>
    <xf numFmtId="0" fontId="0" fillId="2" borderId="21" xfId="2" applyFont="1" applyFill="1" applyBorder="1" applyAlignment="1">
      <alignment horizontal="center" vertical="center" wrapText="1"/>
    </xf>
    <xf numFmtId="0" fontId="0" fillId="2" borderId="4" xfId="2" applyFont="1" applyFill="1" applyBorder="1" applyAlignment="1">
      <alignment horizontal="left" vertical="center" wrapText="1"/>
    </xf>
    <xf numFmtId="0" fontId="0" fillId="2" borderId="18" xfId="2" applyFont="1" applyFill="1" applyBorder="1" applyAlignment="1">
      <alignment horizontal="left" vertical="center" wrapText="1"/>
    </xf>
    <xf numFmtId="0" fontId="0" fillId="2" borderId="18" xfId="2" applyFont="1" applyFill="1" applyBorder="1" applyAlignment="1">
      <alignment horizontal="left" vertical="center"/>
    </xf>
    <xf numFmtId="0" fontId="2" fillId="0" borderId="18" xfId="0" applyFont="1" applyBorder="1" applyAlignment="1">
      <alignment horizontal="center" vertical="center"/>
    </xf>
    <xf numFmtId="0" fontId="2" fillId="0" borderId="14" xfId="0" applyFont="1" applyBorder="1" applyAlignment="1">
      <alignmen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7" fillId="0" borderId="0" xfId="0" applyFont="1" applyAlignment="1">
      <alignment horizontal="center"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1" xfId="0" applyFont="1" applyBorder="1" applyAlignment="1">
      <alignment horizontal="left" vertical="center" wrapText="1"/>
    </xf>
    <xf numFmtId="0" fontId="2" fillId="0" borderId="7" xfId="0" applyFont="1" applyBorder="1" applyAlignment="1">
      <alignment horizontal="center" vertical="center"/>
    </xf>
    <xf numFmtId="0" fontId="2" fillId="0" borderId="11" xfId="0" applyFont="1" applyBorder="1" applyAlignment="1">
      <alignment horizontal="center" vertical="center"/>
    </xf>
    <xf numFmtId="49" fontId="2" fillId="0" borderId="0" xfId="0" applyNumberFormat="1" applyFont="1" applyAlignment="1">
      <alignment horizontal="left" vertical="center"/>
    </xf>
    <xf numFmtId="0" fontId="5" fillId="0" borderId="9" xfId="0" applyFont="1" applyBorder="1" applyAlignment="1">
      <alignment horizontal="center" vertical="center"/>
    </xf>
    <xf numFmtId="0" fontId="2" fillId="0" borderId="9" xfId="0" applyFont="1" applyBorder="1" applyAlignment="1">
      <alignment horizontal="center" vertical="center"/>
    </xf>
    <xf numFmtId="0" fontId="2" fillId="0" borderId="15" xfId="0" applyFont="1" applyBorder="1" applyAlignment="1">
      <alignment vertical="center"/>
    </xf>
    <xf numFmtId="0" fontId="5" fillId="0" borderId="0" xfId="0" applyFont="1" applyAlignment="1">
      <alignment horizontal="center" vertical="center"/>
    </xf>
    <xf numFmtId="0" fontId="9" fillId="0" borderId="0" xfId="0" applyFont="1" applyAlignment="1">
      <alignment horizontal="left" vertical="center"/>
    </xf>
    <xf numFmtId="49" fontId="2" fillId="0" borderId="3" xfId="0" applyNumberFormat="1" applyFont="1" applyBorder="1" applyAlignment="1">
      <alignment horizontal="left" vertical="center"/>
    </xf>
    <xf numFmtId="0" fontId="10" fillId="0" borderId="0" xfId="0" applyFont="1" applyAlignment="1">
      <alignment horizontal="left"/>
    </xf>
    <xf numFmtId="0" fontId="10" fillId="0" borderId="0" xfId="0" applyFont="1" applyAlignment="1">
      <alignment horizontal="justify"/>
    </xf>
    <xf numFmtId="0" fontId="10" fillId="0" borderId="0" xfId="0" applyFont="1" applyAlignment="1">
      <alignment vertical="top"/>
    </xf>
    <xf numFmtId="0" fontId="11" fillId="0" borderId="0" xfId="0" applyFont="1" applyAlignment="1">
      <alignment vertical="center"/>
    </xf>
    <xf numFmtId="0" fontId="10" fillId="0" borderId="18" xfId="0" applyFont="1" applyBorder="1" applyAlignment="1">
      <alignment horizontal="center" vertical="center"/>
    </xf>
    <xf numFmtId="0" fontId="10" fillId="0" borderId="15" xfId="0" applyFont="1" applyBorder="1" applyAlignment="1">
      <alignment horizontal="center" vertical="center"/>
    </xf>
    <xf numFmtId="0" fontId="10" fillId="0" borderId="18" xfId="0" applyFont="1" applyBorder="1" applyAlignment="1">
      <alignment horizontal="justify" vertical="center"/>
    </xf>
    <xf numFmtId="0" fontId="10" fillId="0" borderId="15" xfId="0" applyFont="1" applyBorder="1" applyAlignment="1">
      <alignment horizontal="justify" vertical="center"/>
    </xf>
    <xf numFmtId="0" fontId="10" fillId="0" borderId="18" xfId="0" applyFont="1" applyBorder="1" applyAlignment="1">
      <alignment horizontal="center" vertical="center" wrapText="1"/>
    </xf>
    <xf numFmtId="0" fontId="10" fillId="0" borderId="18" xfId="0" applyFont="1" applyBorder="1" applyAlignment="1">
      <alignment horizontal="justify" vertical="center" wrapText="1"/>
    </xf>
    <xf numFmtId="0" fontId="10" fillId="0" borderId="15" xfId="0" applyFont="1" applyBorder="1" applyAlignment="1">
      <alignment horizontal="justify" vertical="center" wrapText="1"/>
    </xf>
    <xf numFmtId="0" fontId="10" fillId="0" borderId="26" xfId="0" applyFont="1" applyBorder="1" applyAlignment="1">
      <alignment horizontal="justify" vertical="top" wrapText="1"/>
    </xf>
    <xf numFmtId="0" fontId="10" fillId="0" borderId="18" xfId="0" applyFont="1" applyBorder="1" applyAlignment="1">
      <alignment horizontal="justify" vertical="top" wrapText="1"/>
    </xf>
    <xf numFmtId="0" fontId="10" fillId="0" borderId="15" xfId="0" applyFont="1" applyBorder="1" applyAlignment="1">
      <alignment horizontal="center" vertical="center" wrapText="1"/>
    </xf>
    <xf numFmtId="0" fontId="10" fillId="0" borderId="8" xfId="0" applyFont="1" applyBorder="1" applyAlignment="1">
      <alignment horizontal="justify" vertical="top" wrapText="1"/>
    </xf>
    <xf numFmtId="0" fontId="10" fillId="0" borderId="8" xfId="0" applyFont="1" applyBorder="1" applyAlignment="1">
      <alignment horizontal="center" vertical="center" wrapText="1"/>
    </xf>
    <xf numFmtId="0" fontId="10" fillId="0" borderId="27" xfId="0" applyFont="1" applyBorder="1" applyAlignment="1">
      <alignment horizontal="center" vertical="center" wrapText="1"/>
    </xf>
    <xf numFmtId="0" fontId="2" fillId="0" borderId="6" xfId="0" applyFont="1" applyBorder="1"/>
    <xf numFmtId="176" fontId="5" fillId="0" borderId="18" xfId="0" applyNumberFormat="1" applyFont="1" applyBorder="1" applyAlignment="1">
      <alignment horizontal="center" vertical="center" wrapText="1"/>
    </xf>
    <xf numFmtId="0" fontId="10" fillId="0" borderId="11" xfId="0" applyFont="1" applyBorder="1" applyAlignment="1">
      <alignment horizontal="justify" vertical="top" wrapText="1"/>
    </xf>
    <xf numFmtId="0" fontId="10" fillId="0" borderId="7" xfId="0" applyFont="1" applyBorder="1" applyAlignment="1">
      <alignment horizontal="justify" vertical="top" wrapText="1"/>
    </xf>
    <xf numFmtId="0" fontId="10" fillId="0" borderId="9" xfId="0" applyFont="1" applyBorder="1" applyAlignment="1">
      <alignment horizontal="left"/>
    </xf>
    <xf numFmtId="0" fontId="10" fillId="0" borderId="0" xfId="0" applyFont="1"/>
    <xf numFmtId="0" fontId="10" fillId="0" borderId="1" xfId="0" applyFont="1" applyBorder="1" applyAlignment="1">
      <alignment horizontal="justify" vertical="top" wrapText="1"/>
    </xf>
    <xf numFmtId="0" fontId="10" fillId="0" borderId="0" xfId="0" applyFont="1" applyAlignment="1">
      <alignment horizontal="justify" vertical="top" wrapText="1"/>
    </xf>
    <xf numFmtId="0" fontId="10" fillId="0" borderId="5" xfId="0" applyFont="1" applyBorder="1" applyAlignment="1">
      <alignment horizontal="left"/>
    </xf>
    <xf numFmtId="0" fontId="2" fillId="0" borderId="2" xfId="0" applyFont="1" applyBorder="1"/>
    <xf numFmtId="0" fontId="2" fillId="0" borderId="7" xfId="0" applyFont="1" applyBorder="1"/>
    <xf numFmtId="0" fontId="12" fillId="0" borderId="0" xfId="0" applyFont="1" applyAlignment="1">
      <alignment horizontal="left" vertical="center"/>
    </xf>
    <xf numFmtId="0" fontId="2" fillId="0" borderId="12" xfId="0" applyFont="1" applyBorder="1"/>
    <xf numFmtId="0" fontId="2" fillId="0" borderId="0" xfId="0" applyFont="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1" xfId="0" applyFont="1" applyBorder="1" applyAlignment="1">
      <alignment horizontal="center" vertical="center"/>
    </xf>
    <xf numFmtId="0" fontId="0" fillId="0" borderId="18" xfId="2" applyFont="1" applyFill="1" applyBorder="1" applyAlignment="1">
      <alignmen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2" fillId="0" borderId="10" xfId="0" applyFont="1" applyBorder="1" applyAlignment="1">
      <alignment horizontal="left" vertical="center"/>
    </xf>
    <xf numFmtId="0" fontId="2" fillId="0" borderId="0" xfId="0" applyFont="1" applyAlignment="1">
      <alignment vertical="top" wrapText="1"/>
    </xf>
    <xf numFmtId="0" fontId="0" fillId="0" borderId="18" xfId="2" applyFont="1" applyFill="1" applyBorder="1" applyAlignment="1">
      <alignment horizontal="left" vertical="center" wrapText="1"/>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5" fillId="0" borderId="0" xfId="0" applyFont="1" applyAlignment="1">
      <alignment horizontal="center" vertical="center"/>
    </xf>
    <xf numFmtId="0" fontId="5" fillId="0" borderId="0" xfId="0" applyFont="1" applyAlignment="1">
      <alignment vertical="center"/>
    </xf>
    <xf numFmtId="0" fontId="2" fillId="0" borderId="5" xfId="0" applyFont="1" applyBorder="1" applyAlignment="1">
      <alignment horizontal="center"/>
    </xf>
    <xf numFmtId="0" fontId="2" fillId="0" borderId="0" xfId="0" applyFont="1" applyAlignment="1">
      <alignment horizontal="center"/>
    </xf>
    <xf numFmtId="0" fontId="8" fillId="0" borderId="0" xfId="0" applyFont="1" applyAlignment="1">
      <alignment vertical="center" wrapText="1"/>
    </xf>
    <xf numFmtId="0" fontId="8" fillId="0" borderId="0" xfId="0" applyFont="1" applyAlignment="1">
      <alignment horizontal="left" vertical="center" wrapText="1"/>
    </xf>
    <xf numFmtId="0" fontId="8" fillId="0" borderId="0" xfId="0" applyFont="1" applyAlignment="1">
      <alignment horizontal="left"/>
    </xf>
    <xf numFmtId="0" fontId="8" fillId="0" borderId="0" xfId="0" applyFont="1"/>
    <xf numFmtId="0" fontId="2" fillId="0" borderId="0" xfId="3" applyFont="1" applyFill="1" applyAlignment="1">
      <alignment horizontal="left" vertical="center"/>
    </xf>
    <xf numFmtId="0" fontId="2" fillId="0" borderId="0" xfId="3" applyFont="1" applyFill="1" applyAlignment="1">
      <alignment horizontal="right" vertical="center"/>
    </xf>
    <xf numFmtId="0" fontId="2" fillId="0" borderId="11" xfId="3" applyFont="1" applyFill="1" applyBorder="1" applyAlignment="1">
      <alignment horizontal="left" vertical="center"/>
    </xf>
    <xf numFmtId="0" fontId="2" fillId="0" borderId="7" xfId="3" applyFont="1" applyFill="1" applyBorder="1" applyAlignment="1">
      <alignment horizontal="left" vertical="center"/>
    </xf>
    <xf numFmtId="0" fontId="2" fillId="0" borderId="6" xfId="3" applyFont="1" applyFill="1" applyBorder="1" applyAlignment="1">
      <alignment horizontal="left" vertical="center"/>
    </xf>
    <xf numFmtId="0" fontId="2" fillId="0" borderId="9" xfId="3" applyFont="1" applyFill="1" applyBorder="1" applyAlignment="1">
      <alignment horizontal="left" vertical="center"/>
    </xf>
    <xf numFmtId="0" fontId="2" fillId="0" borderId="1" xfId="3" applyFont="1" applyFill="1" applyBorder="1" applyAlignment="1">
      <alignment horizontal="left" vertical="center"/>
    </xf>
    <xf numFmtId="0" fontId="2" fillId="0" borderId="0" xfId="3" applyFont="1" applyFill="1" applyAlignment="1">
      <alignment vertical="center"/>
    </xf>
    <xf numFmtId="0" fontId="5" fillId="0" borderId="0" xfId="3" applyFont="1" applyFill="1" applyAlignment="1">
      <alignment vertical="center"/>
    </xf>
    <xf numFmtId="0" fontId="2" fillId="0" borderId="0" xfId="3" applyFont="1" applyFill="1" applyAlignment="1">
      <alignment horizontal="center" vertical="center"/>
    </xf>
    <xf numFmtId="0" fontId="2" fillId="0" borderId="3" xfId="3" applyFont="1" applyFill="1" applyBorder="1" applyAlignment="1">
      <alignment horizontal="center" vertical="center"/>
    </xf>
    <xf numFmtId="0" fontId="13" fillId="0" borderId="3" xfId="3" applyFont="1" applyFill="1" applyBorder="1" applyAlignment="1">
      <alignment horizontal="center" vertical="center"/>
    </xf>
    <xf numFmtId="0" fontId="2" fillId="0" borderId="0" xfId="3" applyFont="1" applyFill="1" applyBorder="1" applyAlignment="1">
      <alignment horizontal="center" vertical="center"/>
    </xf>
    <xf numFmtId="0" fontId="2" fillId="0" borderId="3" xfId="3" applyFont="1" applyFill="1" applyBorder="1" applyAlignment="1">
      <alignment horizontal="left" vertical="center"/>
    </xf>
    <xf numFmtId="0" fontId="13" fillId="0" borderId="0" xfId="3" applyFont="1" applyFill="1" applyAlignment="1">
      <alignment horizontal="center" vertical="center"/>
    </xf>
    <xf numFmtId="0" fontId="5" fillId="0" borderId="0" xfId="3" applyFont="1" applyFill="1" applyAlignment="1">
      <alignment horizontal="center" vertical="center"/>
    </xf>
    <xf numFmtId="0" fontId="2" fillId="0" borderId="15" xfId="3" applyFont="1" applyFill="1" applyBorder="1" applyAlignment="1">
      <alignment vertical="center"/>
    </xf>
    <xf numFmtId="0" fontId="2" fillId="0" borderId="14" xfId="3" applyFont="1" applyFill="1" applyBorder="1" applyAlignment="1">
      <alignment vertical="center"/>
    </xf>
    <xf numFmtId="0" fontId="2" fillId="0" borderId="13" xfId="3" applyFont="1" applyFill="1" applyBorder="1" applyAlignment="1">
      <alignment vertical="center"/>
    </xf>
    <xf numFmtId="0" fontId="2" fillId="0" borderId="14" xfId="3" applyFont="1" applyFill="1" applyBorder="1" applyAlignment="1">
      <alignment horizontal="left" vertical="center"/>
    </xf>
    <xf numFmtId="0" fontId="2" fillId="0" borderId="14" xfId="3" applyFont="1" applyFill="1" applyBorder="1" applyAlignment="1">
      <alignment horizontal="center" vertical="center"/>
    </xf>
    <xf numFmtId="0" fontId="13" fillId="0" borderId="14" xfId="3" applyFont="1" applyFill="1" applyBorder="1" applyAlignment="1">
      <alignment horizontal="center" vertical="center"/>
    </xf>
    <xf numFmtId="0" fontId="2" fillId="0" borderId="9" xfId="3" applyFont="1" applyFill="1" applyBorder="1" applyAlignment="1">
      <alignment horizontal="center"/>
    </xf>
    <xf numFmtId="0" fontId="2" fillId="0" borderId="0" xfId="3" applyFont="1" applyFill="1" applyBorder="1" applyAlignment="1"/>
    <xf numFmtId="0" fontId="2" fillId="0" borderId="1" xfId="3" applyFont="1" applyFill="1" applyBorder="1" applyAlignment="1"/>
    <xf numFmtId="0" fontId="2" fillId="0" borderId="0" xfId="3" applyFont="1" applyFill="1" applyAlignment="1"/>
    <xf numFmtId="0" fontId="8" fillId="0" borderId="9" xfId="3" applyFont="1" applyFill="1" applyBorder="1" applyAlignment="1">
      <alignment horizontal="left" vertical="center"/>
    </xf>
    <xf numFmtId="0" fontId="8" fillId="0" borderId="0" xfId="3" applyFont="1" applyFill="1" applyAlignment="1">
      <alignment vertical="center"/>
    </xf>
    <xf numFmtId="0" fontId="8" fillId="0" borderId="1" xfId="3" applyFont="1" applyFill="1" applyBorder="1" applyAlignment="1">
      <alignment horizontal="left" vertical="center"/>
    </xf>
    <xf numFmtId="0" fontId="8" fillId="0" borderId="0" xfId="3" applyFont="1" applyFill="1" applyAlignment="1">
      <alignment horizontal="left" vertical="center"/>
    </xf>
    <xf numFmtId="0" fontId="2" fillId="0" borderId="0" xfId="3" applyFont="1" applyFill="1" applyBorder="1" applyAlignment="1">
      <alignment horizontal="center" vertical="center" wrapText="1"/>
    </xf>
    <xf numFmtId="0" fontId="2" fillId="0" borderId="5" xfId="3" applyFont="1" applyFill="1" applyBorder="1" applyAlignment="1">
      <alignment horizontal="center"/>
    </xf>
    <xf numFmtId="0" fontId="2" fillId="0" borderId="3" xfId="3" applyFont="1" applyFill="1" applyBorder="1" applyAlignment="1"/>
    <xf numFmtId="0" fontId="2" fillId="0" borderId="2" xfId="3" applyFont="1" applyFill="1" applyBorder="1" applyAlignment="1"/>
    <xf numFmtId="0" fontId="8" fillId="0" borderId="0" xfId="3" applyFont="1" applyFill="1" applyAlignment="1"/>
    <xf numFmtId="0" fontId="8" fillId="0" borderId="0" xfId="3" applyFont="1" applyFill="1" applyAlignment="1">
      <alignment horizontal="left"/>
    </xf>
    <xf numFmtId="0" fontId="2" fillId="0" borderId="0" xfId="3" applyFont="1" applyFill="1" applyAlignment="1">
      <alignment horizontal="center"/>
    </xf>
    <xf numFmtId="0" fontId="4" fillId="0" borderId="0" xfId="4" applyFont="1" applyAlignment="1">
      <alignment horizontal="left" vertical="top"/>
    </xf>
    <xf numFmtId="0" fontId="4" fillId="0" borderId="0" xfId="4" applyFont="1" applyAlignment="1">
      <alignment horizontal="right" vertical="center"/>
    </xf>
    <xf numFmtId="0" fontId="4" fillId="0" borderId="0" xfId="4" applyFont="1" applyAlignment="1">
      <alignment vertical="center"/>
    </xf>
    <xf numFmtId="0" fontId="4" fillId="0" borderId="0" xfId="4" applyFont="1" applyAlignment="1">
      <alignment horizontal="center" vertical="top"/>
    </xf>
    <xf numFmtId="0" fontId="4" fillId="0" borderId="36" xfId="4" applyFont="1" applyBorder="1" applyAlignment="1">
      <alignment horizontal="center" vertical="center"/>
    </xf>
    <xf numFmtId="0" fontId="4" fillId="0" borderId="17" xfId="4" applyFont="1" applyBorder="1" applyAlignment="1">
      <alignment horizontal="center" vertical="center"/>
    </xf>
    <xf numFmtId="0" fontId="4" fillId="0" borderId="16" xfId="4" applyFont="1" applyBorder="1" applyAlignment="1">
      <alignment horizontal="center" vertical="center"/>
    </xf>
    <xf numFmtId="0" fontId="4" fillId="0" borderId="0" xfId="4" applyFont="1" applyAlignment="1">
      <alignment horizontal="left" vertical="center"/>
    </xf>
    <xf numFmtId="0" fontId="4" fillId="0" borderId="7" xfId="4" applyFont="1" applyBorder="1" applyAlignment="1">
      <alignment horizontal="center" vertical="center"/>
    </xf>
    <xf numFmtId="0" fontId="4" fillId="0" borderId="6" xfId="4" applyFont="1" applyBorder="1" applyAlignment="1">
      <alignment horizontal="left" vertical="center"/>
    </xf>
    <xf numFmtId="0" fontId="4" fillId="0" borderId="15" xfId="4" applyFont="1" applyBorder="1" applyAlignment="1">
      <alignment horizontal="center" vertical="center"/>
    </xf>
    <xf numFmtId="0" fontId="4" fillId="0" borderId="13" xfId="4" applyFont="1" applyBorder="1" applyAlignment="1">
      <alignment horizontal="left" vertical="center"/>
    </xf>
    <xf numFmtId="0" fontId="4" fillId="0" borderId="14" xfId="4" applyFont="1" applyBorder="1" applyAlignment="1">
      <alignment horizontal="left" vertical="center"/>
    </xf>
    <xf numFmtId="0" fontId="4" fillId="0" borderId="0" xfId="4" applyFont="1" applyAlignment="1">
      <alignment horizontal="center" vertical="center"/>
    </xf>
    <xf numFmtId="0" fontId="4" fillId="0" borderId="7" xfId="4" applyFont="1" applyBorder="1" applyAlignment="1">
      <alignment horizontal="left" vertical="center"/>
    </xf>
    <xf numFmtId="0" fontId="4" fillId="0" borderId="1" xfId="4" applyFont="1" applyBorder="1" applyAlignment="1">
      <alignment horizontal="left" vertical="center"/>
    </xf>
    <xf numFmtId="0" fontId="4" fillId="0" borderId="5" xfId="4" applyFont="1" applyBorder="1" applyAlignment="1">
      <alignment horizontal="center" vertical="center"/>
    </xf>
    <xf numFmtId="0" fontId="4" fillId="0" borderId="3" xfId="4" applyFont="1" applyBorder="1" applyAlignment="1">
      <alignment horizontal="left" vertical="center"/>
    </xf>
    <xf numFmtId="0" fontId="4" fillId="0" borderId="35" xfId="4" applyFont="1" applyBorder="1" applyAlignment="1">
      <alignment horizontal="center" vertical="center"/>
    </xf>
    <xf numFmtId="0" fontId="4" fillId="0" borderId="34" xfId="4" applyFont="1" applyBorder="1" applyAlignment="1">
      <alignment horizontal="left" vertical="center"/>
    </xf>
    <xf numFmtId="0" fontId="4" fillId="0" borderId="20" xfId="4" applyFont="1" applyBorder="1" applyAlignment="1">
      <alignment horizontal="center" vertical="center"/>
    </xf>
    <xf numFmtId="0" fontId="4" fillId="0" borderId="19" xfId="4" applyFont="1" applyBorder="1" applyAlignment="1">
      <alignment horizontal="left" vertical="center"/>
    </xf>
    <xf numFmtId="0" fontId="4" fillId="0" borderId="28" xfId="4" applyFont="1" applyBorder="1" applyAlignment="1">
      <alignment horizontal="left" vertical="top"/>
    </xf>
    <xf numFmtId="0" fontId="4" fillId="0" borderId="3" xfId="4" applyFont="1" applyBorder="1" applyAlignment="1">
      <alignment horizontal="left" vertical="top"/>
    </xf>
    <xf numFmtId="0" fontId="4" fillId="0" borderId="7" xfId="4" applyFont="1" applyBorder="1" applyAlignment="1">
      <alignment horizontal="left" vertical="top"/>
    </xf>
    <xf numFmtId="0" fontId="7" fillId="0" borderId="7" xfId="0" applyFont="1" applyBorder="1" applyAlignment="1">
      <alignment horizontal="center" vertical="center"/>
    </xf>
    <xf numFmtId="0" fontId="2" fillId="0" borderId="15" xfId="0" applyFont="1" applyBorder="1" applyAlignment="1">
      <alignment horizontal="center" vertical="center" wrapText="1"/>
    </xf>
    <xf numFmtId="0" fontId="8" fillId="0" borderId="0" xfId="0" applyFont="1" applyAlignment="1">
      <alignment horizontal="left" vertical="center"/>
    </xf>
    <xf numFmtId="0" fontId="8" fillId="0" borderId="0" xfId="0" applyFont="1" applyAlignment="1">
      <alignment vertical="center"/>
    </xf>
    <xf numFmtId="0" fontId="2" fillId="0" borderId="5" xfId="0" applyFont="1" applyBorder="1" applyAlignment="1">
      <alignment horizontal="center" vertical="center" wrapText="1"/>
    </xf>
    <xf numFmtId="0" fontId="8" fillId="0" borderId="3" xfId="0" applyFont="1" applyBorder="1" applyAlignment="1">
      <alignment horizontal="left" vertical="top" wrapText="1"/>
    </xf>
    <xf numFmtId="0" fontId="5" fillId="0" borderId="0" xfId="0" applyFont="1" applyAlignment="1">
      <alignment horizontal="left" vertical="center"/>
    </xf>
    <xf numFmtId="0" fontId="2" fillId="0" borderId="1" xfId="0" applyFont="1" applyBorder="1" applyAlignment="1">
      <alignment vertical="center" wrapText="1"/>
    </xf>
    <xf numFmtId="0" fontId="2" fillId="0" borderId="0" xfId="0" applyFont="1" applyAlignment="1">
      <alignment horizontal="center" vertical="center"/>
    </xf>
    <xf numFmtId="0" fontId="2" fillId="0" borderId="18" xfId="0" applyFont="1" applyBorder="1" applyAlignment="1">
      <alignment horizontal="center"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7" xfId="0" applyFont="1" applyBorder="1" applyAlignment="1">
      <alignment horizontal="center" vertical="center"/>
    </xf>
    <xf numFmtId="0" fontId="2" fillId="0" borderId="3" xfId="0" applyFont="1" applyBorder="1" applyAlignment="1">
      <alignment horizontal="center" vertical="center"/>
    </xf>
    <xf numFmtId="0" fontId="2" fillId="0" borderId="7" xfId="0" applyFont="1" applyBorder="1" applyAlignment="1">
      <alignment horizontal="center" vertical="center" wrapText="1"/>
    </xf>
    <xf numFmtId="0" fontId="2" fillId="0" borderId="0" xfId="0" applyFont="1" applyAlignment="1">
      <alignment horizontal="center" vertical="center" wrapText="1"/>
    </xf>
    <xf numFmtId="0" fontId="2" fillId="0" borderId="9" xfId="0" applyFont="1" applyBorder="1" applyAlignment="1">
      <alignment horizontal="center" vertical="center"/>
    </xf>
    <xf numFmtId="0" fontId="2" fillId="0" borderId="1" xfId="0" applyFont="1" applyBorder="1" applyAlignment="1">
      <alignment horizontal="center" vertical="center"/>
    </xf>
    <xf numFmtId="0" fontId="2" fillId="0" borderId="7"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5" fillId="0" borderId="0" xfId="0" applyFont="1" applyAlignment="1">
      <alignment horizontal="center" vertical="center"/>
    </xf>
    <xf numFmtId="0" fontId="2" fillId="0" borderId="14" xfId="0" applyFont="1" applyBorder="1" applyAlignment="1">
      <alignment vertical="center"/>
    </xf>
    <xf numFmtId="0" fontId="2" fillId="0" borderId="5"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vertical="center"/>
    </xf>
    <xf numFmtId="0" fontId="2" fillId="0" borderId="9" xfId="0" applyFont="1" applyBorder="1" applyAlignment="1">
      <alignment vertical="center"/>
    </xf>
    <xf numFmtId="0" fontId="2" fillId="0" borderId="5" xfId="0" applyFont="1" applyBorder="1" applyAlignment="1">
      <alignment vertical="center" wrapText="1"/>
    </xf>
    <xf numFmtId="0" fontId="2" fillId="0" borderId="3" xfId="0" applyFont="1" applyBorder="1" applyAlignment="1">
      <alignment vertical="center" wrapText="1"/>
    </xf>
    <xf numFmtId="0" fontId="2" fillId="0" borderId="0" xfId="0" applyFont="1" applyAlignment="1">
      <alignment vertical="center" wrapText="1"/>
    </xf>
    <xf numFmtId="0" fontId="2" fillId="0" borderId="15" xfId="1" applyFont="1" applyBorder="1" applyAlignment="1">
      <alignment horizontal="center" vertical="center"/>
    </xf>
    <xf numFmtId="0" fontId="2" fillId="0" borderId="14" xfId="1" applyFont="1" applyBorder="1" applyAlignment="1">
      <alignment horizontal="center" vertical="center"/>
    </xf>
    <xf numFmtId="0" fontId="10" fillId="0" borderId="14" xfId="0" applyFont="1" applyBorder="1" applyAlignment="1">
      <alignment vertical="center"/>
    </xf>
    <xf numFmtId="0" fontId="10" fillId="0" borderId="13" xfId="0" applyFont="1" applyBorder="1" applyAlignment="1">
      <alignment vertical="center"/>
    </xf>
    <xf numFmtId="0" fontId="2" fillId="0" borderId="11" xfId="1" applyFont="1" applyBorder="1" applyAlignment="1">
      <alignment horizontal="center" vertical="center"/>
    </xf>
    <xf numFmtId="0" fontId="2" fillId="0" borderId="7" xfId="1" applyFont="1" applyBorder="1" applyAlignment="1">
      <alignment horizontal="center" vertical="center"/>
    </xf>
    <xf numFmtId="0" fontId="10" fillId="0" borderId="7" xfId="0" applyFont="1" applyBorder="1" applyAlignment="1">
      <alignment vertical="center"/>
    </xf>
    <xf numFmtId="0" fontId="10" fillId="0" borderId="6" xfId="0" applyFont="1" applyBorder="1" applyAlignment="1">
      <alignment vertical="center"/>
    </xf>
    <xf numFmtId="0" fontId="2" fillId="0" borderId="5" xfId="1" applyFont="1" applyBorder="1" applyAlignment="1">
      <alignment horizontal="center" vertical="center"/>
    </xf>
    <xf numFmtId="0" fontId="2" fillId="0" borderId="3" xfId="0" applyFont="1" applyBorder="1" applyAlignment="1">
      <alignment vertical="center"/>
    </xf>
    <xf numFmtId="0" fontId="10" fillId="0" borderId="3" xfId="0" applyFont="1" applyBorder="1" applyAlignment="1">
      <alignment vertical="center"/>
    </xf>
    <xf numFmtId="0" fontId="10" fillId="0" borderId="3" xfId="0" applyFont="1" applyBorder="1" applyAlignment="1">
      <alignment horizontal="left" vertical="center"/>
    </xf>
    <xf numFmtId="0" fontId="10" fillId="0" borderId="2" xfId="0" applyFont="1" applyBorder="1" applyAlignment="1">
      <alignment horizontal="left" vertical="center"/>
    </xf>
    <xf numFmtId="0" fontId="2" fillId="0" borderId="11" xfId="0" applyFont="1" applyBorder="1" applyAlignment="1">
      <alignment vertical="center"/>
    </xf>
    <xf numFmtId="0" fontId="2" fillId="0" borderId="6" xfId="0" applyFont="1" applyBorder="1" applyAlignment="1">
      <alignment vertical="center"/>
    </xf>
    <xf numFmtId="0" fontId="2" fillId="0" borderId="0" xfId="1" applyFont="1" applyAlignment="1">
      <alignment horizontal="center" vertical="center"/>
    </xf>
    <xf numFmtId="0" fontId="2" fillId="0" borderId="5" xfId="0" applyFont="1" applyBorder="1" applyAlignment="1">
      <alignment vertical="center"/>
    </xf>
    <xf numFmtId="0" fontId="2" fillId="0" borderId="3" xfId="1" applyFont="1" applyBorder="1" applyAlignment="1">
      <alignment horizontal="center" vertical="center"/>
    </xf>
    <xf numFmtId="0" fontId="2" fillId="0" borderId="2" xfId="0" applyFont="1" applyBorder="1" applyAlignment="1">
      <alignment vertical="center"/>
    </xf>
    <xf numFmtId="0" fontId="9" fillId="0" borderId="1" xfId="0" applyFont="1" applyBorder="1" applyAlignment="1">
      <alignment vertical="center" shrinkToFit="1"/>
    </xf>
    <xf numFmtId="0" fontId="2" fillId="0" borderId="4" xfId="0" applyFont="1" applyBorder="1" applyAlignment="1">
      <alignment horizontal="center" vertical="center"/>
    </xf>
    <xf numFmtId="0" fontId="10" fillId="0" borderId="5" xfId="0" applyFont="1" applyBorder="1" applyAlignment="1">
      <alignment horizontal="left" vertical="center"/>
    </xf>
    <xf numFmtId="177" fontId="2" fillId="0" borderId="0" xfId="0" applyNumberFormat="1" applyFont="1" applyAlignment="1">
      <alignment vertical="center"/>
    </xf>
    <xf numFmtId="177" fontId="2" fillId="0" borderId="3" xfId="0" applyNumberFormat="1" applyFont="1" applyBorder="1" applyAlignment="1">
      <alignment vertical="center"/>
    </xf>
    <xf numFmtId="0" fontId="9" fillId="0" borderId="0" xfId="0" applyFont="1" applyAlignment="1">
      <alignment vertical="center"/>
    </xf>
    <xf numFmtId="0" fontId="8" fillId="0" borderId="0" xfId="0" applyFont="1" applyAlignment="1">
      <alignment vertical="top"/>
    </xf>
    <xf numFmtId="0" fontId="2" fillId="0" borderId="0" xfId="0" applyFont="1" applyAlignment="1">
      <alignment horizontal="left"/>
    </xf>
    <xf numFmtId="0" fontId="6" fillId="0" borderId="0" xfId="2" applyFont="1" applyFill="1" applyAlignment="1">
      <alignment horizontal="center" vertical="center"/>
    </xf>
    <xf numFmtId="0" fontId="0" fillId="0" borderId="3" xfId="2" applyFont="1" applyFill="1" applyBorder="1" applyAlignment="1">
      <alignment horizontal="left" vertical="center" wrapText="1"/>
    </xf>
    <xf numFmtId="0" fontId="4" fillId="0" borderId="11" xfId="4" applyFont="1" applyBorder="1" applyAlignment="1">
      <alignment horizontal="left" vertical="top" wrapText="1"/>
    </xf>
    <xf numFmtId="0" fontId="4" fillId="0" borderId="7" xfId="4" applyFont="1" applyBorder="1" applyAlignment="1">
      <alignment horizontal="left" vertical="top" wrapText="1"/>
    </xf>
    <xf numFmtId="0" fontId="4" fillId="0" borderId="6" xfId="4" applyFont="1" applyBorder="1" applyAlignment="1">
      <alignment horizontal="left" vertical="top" wrapText="1"/>
    </xf>
    <xf numFmtId="0" fontId="1" fillId="0" borderId="9" xfId="4" applyBorder="1" applyAlignment="1">
      <alignment horizontal="left" vertical="top" wrapText="1"/>
    </xf>
    <xf numFmtId="0" fontId="1" fillId="0" borderId="0" xfId="4" applyAlignment="1">
      <alignment horizontal="left" vertical="top" wrapText="1"/>
    </xf>
    <xf numFmtId="0" fontId="1" fillId="0" borderId="1" xfId="4" applyBorder="1" applyAlignment="1">
      <alignment horizontal="left" vertical="top" wrapText="1"/>
    </xf>
    <xf numFmtId="0" fontId="1" fillId="0" borderId="5" xfId="4" applyBorder="1" applyAlignment="1">
      <alignment horizontal="left" vertical="top" wrapText="1"/>
    </xf>
    <xf numFmtId="0" fontId="1" fillId="0" borderId="3" xfId="4" applyBorder="1" applyAlignment="1">
      <alignment horizontal="left" vertical="top" wrapText="1"/>
    </xf>
    <xf numFmtId="0" fontId="1" fillId="0" borderId="2" xfId="4" applyBorder="1" applyAlignment="1">
      <alignment horizontal="left" vertical="top" wrapText="1"/>
    </xf>
    <xf numFmtId="0" fontId="4" fillId="0" borderId="11" xfId="4" applyFont="1" applyBorder="1" applyAlignment="1">
      <alignment horizontal="left" vertical="center"/>
    </xf>
    <xf numFmtId="0" fontId="4" fillId="0" borderId="7" xfId="4" applyFont="1" applyBorder="1" applyAlignment="1">
      <alignment horizontal="left" vertical="center"/>
    </xf>
    <xf numFmtId="0" fontId="4" fillId="0" borderId="6" xfId="4" applyFont="1" applyBorder="1" applyAlignment="1">
      <alignment horizontal="left" vertical="center"/>
    </xf>
    <xf numFmtId="0" fontId="4" fillId="0" borderId="15" xfId="4" applyFont="1" applyBorder="1" applyAlignment="1">
      <alignment horizontal="left" vertical="center"/>
    </xf>
    <xf numFmtId="0" fontId="4" fillId="0" borderId="14" xfId="4" applyFont="1" applyBorder="1" applyAlignment="1">
      <alignment horizontal="left" vertical="center"/>
    </xf>
    <xf numFmtId="0" fontId="4" fillId="0" borderId="13" xfId="4" applyFont="1" applyBorder="1" applyAlignment="1">
      <alignment horizontal="left" vertical="center"/>
    </xf>
    <xf numFmtId="0" fontId="4" fillId="0" borderId="28" xfId="4" applyFont="1" applyBorder="1" applyAlignment="1">
      <alignment horizontal="center" vertical="top"/>
    </xf>
    <xf numFmtId="0" fontId="4" fillId="0" borderId="32" xfId="4" applyFont="1" applyBorder="1" applyAlignment="1">
      <alignment horizontal="left" vertical="top" wrapText="1"/>
    </xf>
    <xf numFmtId="0" fontId="4" fillId="0" borderId="31" xfId="4" applyFont="1" applyBorder="1" applyAlignment="1">
      <alignment horizontal="left" vertical="top" wrapText="1"/>
    </xf>
    <xf numFmtId="0" fontId="4" fillId="0" borderId="30" xfId="4" applyFont="1" applyBorder="1" applyAlignment="1">
      <alignment horizontal="left" vertical="top" wrapText="1"/>
    </xf>
    <xf numFmtId="0" fontId="4" fillId="0" borderId="9" xfId="4" applyFont="1" applyBorder="1" applyAlignment="1">
      <alignment horizontal="left" vertical="top" wrapText="1"/>
    </xf>
    <xf numFmtId="0" fontId="4" fillId="0" borderId="0" xfId="4" applyFont="1" applyAlignment="1">
      <alignment horizontal="left" vertical="top" wrapText="1"/>
    </xf>
    <xf numFmtId="0" fontId="4" fillId="0" borderId="1" xfId="4" applyFont="1" applyBorder="1" applyAlignment="1">
      <alignment horizontal="left" vertical="top" wrapText="1"/>
    </xf>
    <xf numFmtId="0" fontId="4" fillId="0" borderId="5" xfId="4" applyFont="1" applyBorder="1" applyAlignment="1">
      <alignment horizontal="left" vertical="top" wrapText="1"/>
    </xf>
    <xf numFmtId="0" fontId="4" fillId="0" borderId="3" xfId="4" applyFont="1" applyBorder="1" applyAlignment="1">
      <alignment horizontal="left" vertical="top" wrapText="1"/>
    </xf>
    <xf numFmtId="0" fontId="4" fillId="0" borderId="2" xfId="4" applyFont="1" applyBorder="1" applyAlignment="1">
      <alignment horizontal="left" vertical="top" wrapText="1"/>
    </xf>
    <xf numFmtId="0" fontId="4" fillId="0" borderId="20" xfId="4" applyFont="1" applyBorder="1" applyAlignment="1">
      <alignment horizontal="left" vertical="center"/>
    </xf>
    <xf numFmtId="0" fontId="4" fillId="0" borderId="19" xfId="4" applyFont="1" applyBorder="1" applyAlignment="1">
      <alignment horizontal="left" vertical="center"/>
    </xf>
    <xf numFmtId="0" fontId="4" fillId="0" borderId="29" xfId="4" applyFont="1" applyBorder="1" applyAlignment="1">
      <alignment horizontal="left" vertical="center"/>
    </xf>
    <xf numFmtId="0" fontId="4" fillId="0" borderId="15" xfId="4" applyFont="1" applyBorder="1" applyAlignment="1">
      <alignment horizontal="left" vertical="top" wrapText="1"/>
    </xf>
    <xf numFmtId="0" fontId="4" fillId="0" borderId="14" xfId="4" applyFont="1" applyBorder="1" applyAlignment="1">
      <alignment horizontal="left" vertical="top" wrapText="1"/>
    </xf>
    <xf numFmtId="0" fontId="4" fillId="0" borderId="13" xfId="4" applyFont="1" applyBorder="1" applyAlignment="1">
      <alignment horizontal="left" vertical="top" wrapText="1"/>
    </xf>
    <xf numFmtId="0" fontId="4" fillId="0" borderId="9" xfId="4" applyFont="1" applyBorder="1" applyAlignment="1">
      <alignment horizontal="left" vertical="center"/>
    </xf>
    <xf numFmtId="0" fontId="4" fillId="0" borderId="0" xfId="4" applyFont="1" applyAlignment="1">
      <alignment horizontal="left" vertical="center"/>
    </xf>
    <xf numFmtId="0" fontId="4" fillId="0" borderId="1" xfId="4" applyFont="1" applyBorder="1" applyAlignment="1">
      <alignment horizontal="left" vertical="center"/>
    </xf>
    <xf numFmtId="0" fontId="4" fillId="0" borderId="35" xfId="4" applyFont="1" applyBorder="1" applyAlignment="1">
      <alignment horizontal="left" vertical="center"/>
    </xf>
    <xf numFmtId="0" fontId="4" fillId="0" borderId="34" xfId="4" applyFont="1" applyBorder="1" applyAlignment="1">
      <alignment horizontal="left" vertical="center"/>
    </xf>
    <xf numFmtId="0" fontId="4" fillId="0" borderId="33" xfId="4" applyFont="1" applyBorder="1" applyAlignment="1">
      <alignment horizontal="left" vertical="center"/>
    </xf>
    <xf numFmtId="0" fontId="4" fillId="0" borderId="15" xfId="4" applyFont="1" applyBorder="1" applyAlignment="1">
      <alignment horizontal="center" vertical="center"/>
    </xf>
    <xf numFmtId="0" fontId="4" fillId="0" borderId="14" xfId="4" applyFont="1" applyBorder="1" applyAlignment="1">
      <alignment horizontal="center" vertical="center"/>
    </xf>
    <xf numFmtId="0" fontId="4" fillId="0" borderId="13" xfId="4" applyFont="1" applyBorder="1" applyAlignment="1">
      <alignment horizontal="center" vertical="center"/>
    </xf>
    <xf numFmtId="0" fontId="4" fillId="0" borderId="0" xfId="4" applyFont="1" applyAlignment="1">
      <alignment horizontal="center" vertical="center"/>
    </xf>
    <xf numFmtId="0" fontId="4" fillId="0" borderId="0" xfId="4" applyFont="1" applyAlignment="1">
      <alignment horizontal="right" vertical="center"/>
    </xf>
    <xf numFmtId="0" fontId="10" fillId="0" borderId="27" xfId="0" applyFont="1" applyBorder="1" applyAlignment="1">
      <alignment horizontal="center" vertical="center" wrapText="1"/>
    </xf>
    <xf numFmtId="0" fontId="10" fillId="0" borderId="18" xfId="0" applyFont="1" applyBorder="1" applyAlignment="1">
      <alignment horizontal="center" vertical="center" wrapText="1"/>
    </xf>
    <xf numFmtId="0" fontId="10" fillId="0" borderId="27" xfId="0" applyFont="1" applyBorder="1" applyAlignment="1">
      <alignment horizontal="center" vertical="center" shrinkToFit="1"/>
    </xf>
    <xf numFmtId="0" fontId="10" fillId="0" borderId="15" xfId="0" applyFont="1" applyBorder="1" applyAlignment="1">
      <alignment horizontal="center" vertical="center"/>
    </xf>
    <xf numFmtId="0" fontId="10" fillId="0" borderId="14" xfId="0" applyFont="1" applyBorder="1" applyAlignment="1">
      <alignment horizontal="center" vertical="center"/>
    </xf>
    <xf numFmtId="0" fontId="10" fillId="0" borderId="22" xfId="0" applyFont="1" applyBorder="1" applyAlignment="1">
      <alignment horizontal="center" vertical="center"/>
    </xf>
    <xf numFmtId="0" fontId="10" fillId="0" borderId="23" xfId="0" applyFont="1" applyBorder="1" applyAlignment="1">
      <alignment horizontal="center" vertical="center" wrapText="1"/>
    </xf>
    <xf numFmtId="0" fontId="10" fillId="0" borderId="24" xfId="0" applyFont="1" applyBorder="1" applyAlignment="1">
      <alignment horizontal="center" vertical="center" wrapText="1"/>
    </xf>
    <xf numFmtId="0" fontId="10" fillId="0" borderId="25" xfId="0" applyFont="1" applyBorder="1" applyAlignment="1">
      <alignment horizontal="center" vertical="center" wrapText="1"/>
    </xf>
    <xf numFmtId="0" fontId="10" fillId="0" borderId="8" xfId="0" applyFont="1" applyBorder="1" applyAlignment="1">
      <alignment horizontal="center" vertical="center" wrapText="1"/>
    </xf>
    <xf numFmtId="0" fontId="0" fillId="0" borderId="10" xfId="0" applyBorder="1" applyAlignment="1">
      <alignment horizontal="center" vertical="center" wrapText="1"/>
    </xf>
    <xf numFmtId="0" fontId="0" fillId="0" borderId="4" xfId="0" applyBorder="1" applyAlignment="1">
      <alignment horizontal="center" vertical="center" wrapText="1"/>
    </xf>
    <xf numFmtId="0" fontId="10" fillId="0" borderId="10" xfId="0" applyFont="1" applyBorder="1" applyAlignment="1">
      <alignment horizontal="center" vertical="center" wrapText="1"/>
    </xf>
    <xf numFmtId="0" fontId="10" fillId="0" borderId="4" xfId="0" applyFont="1" applyBorder="1" applyAlignment="1">
      <alignment horizontal="center" vertical="center" wrapText="1"/>
    </xf>
    <xf numFmtId="0" fontId="10" fillId="0" borderId="13" xfId="0" applyFont="1" applyBorder="1" applyAlignment="1">
      <alignment horizontal="center" vertical="center"/>
    </xf>
    <xf numFmtId="0" fontId="2" fillId="0" borderId="18" xfId="0" applyFont="1" applyBorder="1" applyAlignment="1">
      <alignment horizontal="left" vertical="center" wrapText="1"/>
    </xf>
    <xf numFmtId="0" fontId="2" fillId="0" borderId="11" xfId="0" applyFont="1" applyBorder="1" applyAlignment="1">
      <alignment horizontal="center" vertical="center" wrapText="1"/>
    </xf>
    <xf numFmtId="0" fontId="2" fillId="0" borderId="7" xfId="0" applyFont="1" applyBorder="1" applyAlignment="1">
      <alignment horizontal="center" vertical="center" wrapText="1"/>
    </xf>
    <xf numFmtId="0" fontId="2" fillId="0" borderId="6" xfId="0" applyFont="1" applyBorder="1" applyAlignment="1">
      <alignment horizontal="center" vertical="center" wrapText="1"/>
    </xf>
    <xf numFmtId="0" fontId="2" fillId="0" borderId="9" xfId="0" applyFont="1" applyBorder="1" applyAlignment="1">
      <alignment horizontal="center"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2" fillId="0" borderId="5" xfId="0" applyFont="1" applyBorder="1" applyAlignment="1">
      <alignment horizontal="center" vertical="center" wrapText="1"/>
    </xf>
    <xf numFmtId="0" fontId="2" fillId="0" borderId="3" xfId="0" applyFont="1" applyBorder="1" applyAlignment="1">
      <alignment horizontal="center" vertical="center" wrapText="1"/>
    </xf>
    <xf numFmtId="0" fontId="2" fillId="0" borderId="2" xfId="0" applyFont="1" applyBorder="1" applyAlignment="1">
      <alignment horizontal="center" vertical="center" wrapText="1"/>
    </xf>
    <xf numFmtId="0" fontId="2" fillId="0" borderId="18" xfId="0" applyFont="1" applyBorder="1" applyAlignment="1">
      <alignment horizontal="left"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8" xfId="0" applyFont="1" applyBorder="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8" fillId="0" borderId="0" xfId="0" applyFont="1" applyAlignment="1">
      <alignment horizontal="center" vertical="top" wrapText="1"/>
    </xf>
    <xf numFmtId="0" fontId="8" fillId="0" borderId="0" xfId="0" applyFont="1" applyAlignment="1">
      <alignment horizontal="center" vertical="top"/>
    </xf>
    <xf numFmtId="0" fontId="8" fillId="0" borderId="0" xfId="0" applyFont="1" applyAlignment="1">
      <alignment vertical="top" wrapText="1"/>
    </xf>
    <xf numFmtId="0" fontId="10" fillId="0" borderId="15" xfId="0" applyFont="1" applyBorder="1" applyAlignment="1">
      <alignment vertical="center" wrapText="1"/>
    </xf>
    <xf numFmtId="0" fontId="10" fillId="0" borderId="14" xfId="0" applyFont="1" applyBorder="1" applyAlignment="1">
      <alignment vertical="center" wrapText="1"/>
    </xf>
    <xf numFmtId="0" fontId="2" fillId="0" borderId="15" xfId="0" applyFont="1" applyBorder="1" applyAlignment="1">
      <alignment horizontal="center" vertical="center"/>
    </xf>
    <xf numFmtId="0" fontId="10" fillId="0" borderId="5" xfId="0" applyFont="1" applyBorder="1" applyAlignment="1">
      <alignment horizontal="left" vertical="center" wrapText="1"/>
    </xf>
    <xf numFmtId="0" fontId="10" fillId="0" borderId="3" xfId="0" applyFont="1" applyBorder="1" applyAlignment="1">
      <alignment horizontal="left" vertical="center" wrapText="1"/>
    </xf>
    <xf numFmtId="0" fontId="2" fillId="0" borderId="4" xfId="0" applyFont="1" applyBorder="1" applyAlignment="1">
      <alignment horizontal="center" vertical="center"/>
    </xf>
    <xf numFmtId="0" fontId="10" fillId="0" borderId="15" xfId="0" applyFont="1" applyBorder="1" applyAlignment="1">
      <alignment horizontal="left" vertical="center" wrapText="1"/>
    </xf>
    <xf numFmtId="0" fontId="10" fillId="0" borderId="14" xfId="0" applyFont="1" applyBorder="1" applyAlignment="1">
      <alignment horizontal="left" vertical="center" wrapText="1"/>
    </xf>
    <xf numFmtId="0" fontId="2" fillId="0" borderId="14" xfId="0" applyFont="1" applyBorder="1" applyAlignment="1">
      <alignment horizontal="center" vertical="center"/>
    </xf>
    <xf numFmtId="0" fontId="9" fillId="0" borderId="7" xfId="0" applyFont="1" applyBorder="1" applyAlignment="1">
      <alignment horizontal="left" vertical="center" wrapText="1"/>
    </xf>
    <xf numFmtId="0" fontId="10" fillId="0" borderId="13" xfId="0" applyFont="1" applyBorder="1" applyAlignment="1">
      <alignment vertical="center" wrapText="1"/>
    </xf>
    <xf numFmtId="0" fontId="10" fillId="0" borderId="18" xfId="0" applyFont="1" applyBorder="1" applyAlignment="1">
      <alignment vertical="center" wrapText="1"/>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2" fillId="0" borderId="11" xfId="0" applyFont="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9" xfId="0" applyFont="1" applyBorder="1" applyAlignment="1">
      <alignment horizontal="left" vertical="center" wrapText="1"/>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5"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5" fillId="0" borderId="11" xfId="0" applyFont="1" applyBorder="1" applyAlignment="1">
      <alignment vertical="center" wrapText="1"/>
    </xf>
    <xf numFmtId="0" fontId="5" fillId="0" borderId="7" xfId="0" applyFont="1" applyBorder="1" applyAlignment="1">
      <alignment vertical="center" wrapText="1"/>
    </xf>
    <xf numFmtId="0" fontId="5" fillId="0" borderId="6" xfId="0" applyFont="1" applyBorder="1" applyAlignment="1">
      <alignment vertical="center" wrapText="1"/>
    </xf>
    <xf numFmtId="0" fontId="5" fillId="0" borderId="9" xfId="0" applyFont="1" applyBorder="1" applyAlignment="1">
      <alignment horizontal="left" vertical="center" wrapText="1"/>
    </xf>
    <xf numFmtId="0" fontId="5" fillId="0" borderId="0" xfId="0" applyFont="1" applyAlignment="1">
      <alignment horizontal="left" vertical="center" wrapText="1"/>
    </xf>
    <xf numFmtId="0" fontId="5" fillId="0" borderId="1" xfId="0" applyFont="1" applyBorder="1" applyAlignment="1">
      <alignment horizontal="left" vertical="center" wrapText="1"/>
    </xf>
    <xf numFmtId="0" fontId="5" fillId="0" borderId="5" xfId="0" applyFont="1" applyBorder="1" applyAlignment="1">
      <alignment vertical="center" wrapText="1"/>
    </xf>
    <xf numFmtId="0" fontId="5" fillId="0" borderId="3" xfId="0" applyFont="1" applyBorder="1" applyAlignment="1">
      <alignment vertical="center" wrapText="1"/>
    </xf>
    <xf numFmtId="0" fontId="5" fillId="0" borderId="2" xfId="0" applyFont="1" applyBorder="1" applyAlignment="1">
      <alignment vertical="center" wrapText="1"/>
    </xf>
    <xf numFmtId="0" fontId="10" fillId="0" borderId="15" xfId="0" applyFont="1" applyBorder="1" applyAlignment="1">
      <alignment horizontal="left" vertical="center"/>
    </xf>
    <xf numFmtId="0" fontId="10" fillId="0" borderId="14" xfId="0" applyFont="1" applyBorder="1" applyAlignment="1">
      <alignment horizontal="left" vertical="center"/>
    </xf>
    <xf numFmtId="0" fontId="10" fillId="0" borderId="13" xfId="0" applyFont="1" applyBorder="1" applyAlignment="1">
      <alignment horizontal="left" vertical="center"/>
    </xf>
    <xf numFmtId="0" fontId="8" fillId="0" borderId="0" xfId="0" applyFont="1" applyAlignment="1">
      <alignment horizontal="left" vertical="center" shrinkToFit="1"/>
    </xf>
    <xf numFmtId="0" fontId="2" fillId="0" borderId="0" xfId="0" applyFont="1" applyAlignment="1">
      <alignment horizontal="left" vertical="center" shrinkToFit="1"/>
    </xf>
    <xf numFmtId="0" fontId="5" fillId="0" borderId="0" xfId="0" applyFont="1" applyAlignment="1">
      <alignment horizontal="center" vertical="center"/>
    </xf>
    <xf numFmtId="0" fontId="2" fillId="0" borderId="0" xfId="0" applyFont="1" applyAlignment="1">
      <alignment horizontal="left" vertical="center"/>
    </xf>
    <xf numFmtId="0" fontId="2" fillId="0" borderId="13" xfId="0" applyFont="1" applyBorder="1" applyAlignment="1">
      <alignment horizontal="center" vertical="center"/>
    </xf>
    <xf numFmtId="0" fontId="2" fillId="0" borderId="14" xfId="0" applyFont="1" applyBorder="1" applyAlignment="1">
      <alignment vertical="center"/>
    </xf>
    <xf numFmtId="0" fontId="2" fillId="0" borderId="13" xfId="0" applyFont="1" applyBorder="1" applyAlignment="1">
      <alignment vertical="center"/>
    </xf>
    <xf numFmtId="0" fontId="2" fillId="0" borderId="15" xfId="0" applyFont="1" applyBorder="1" applyAlignment="1">
      <alignment vertical="center"/>
    </xf>
    <xf numFmtId="0" fontId="2" fillId="0" borderId="15" xfId="0" applyFont="1" applyBorder="1" applyAlignment="1">
      <alignment horizontal="right" vertical="center"/>
    </xf>
    <xf numFmtId="0" fontId="2" fillId="0" borderId="14" xfId="0" applyFont="1" applyBorder="1" applyAlignment="1">
      <alignment horizontal="right" vertical="center"/>
    </xf>
    <xf numFmtId="0" fontId="2" fillId="0" borderId="13" xfId="0" applyFont="1" applyBorder="1" applyAlignment="1">
      <alignment horizontal="right" vertical="center"/>
    </xf>
    <xf numFmtId="0" fontId="5" fillId="0" borderId="18" xfId="0" applyFont="1" applyBorder="1" applyAlignment="1">
      <alignment horizontal="left" vertical="center" shrinkToFit="1"/>
    </xf>
    <xf numFmtId="0" fontId="8" fillId="0" borderId="18" xfId="0" applyFont="1" applyBorder="1" applyAlignment="1">
      <alignment horizontal="left" vertical="center" shrinkToFit="1"/>
    </xf>
    <xf numFmtId="0" fontId="8" fillId="0" borderId="0" xfId="3" applyFont="1" applyFill="1" applyAlignment="1">
      <alignment vertical="center" wrapText="1"/>
    </xf>
    <xf numFmtId="0" fontId="5" fillId="0" borderId="15" xfId="3" applyFont="1" applyFill="1" applyBorder="1" applyAlignment="1">
      <alignment horizontal="center" vertical="center" wrapText="1"/>
    </xf>
    <xf numFmtId="0" fontId="5" fillId="0" borderId="14" xfId="3" applyFont="1" applyFill="1" applyBorder="1" applyAlignment="1">
      <alignment horizontal="center" vertical="center" wrapText="1"/>
    </xf>
    <xf numFmtId="0" fontId="5" fillId="0" borderId="13" xfId="3" applyFont="1" applyFill="1" applyBorder="1" applyAlignment="1">
      <alignment horizontal="center" vertical="center" wrapText="1"/>
    </xf>
    <xf numFmtId="0" fontId="8" fillId="0" borderId="15" xfId="3" applyFont="1" applyFill="1" applyBorder="1" applyAlignment="1">
      <alignment horizontal="right" vertical="center"/>
    </xf>
    <xf numFmtId="0" fontId="8" fillId="0" borderId="14" xfId="3" applyFont="1" applyFill="1" applyBorder="1" applyAlignment="1">
      <alignment horizontal="right" vertical="center"/>
    </xf>
    <xf numFmtId="0" fontId="8" fillId="0" borderId="13" xfId="3" applyFont="1" applyFill="1" applyBorder="1" applyAlignment="1">
      <alignment horizontal="right" vertical="center"/>
    </xf>
    <xf numFmtId="0" fontId="2" fillId="0" borderId="15" xfId="3" applyFont="1" applyFill="1" applyBorder="1" applyAlignment="1">
      <alignment horizontal="center" vertical="center" wrapText="1"/>
    </xf>
    <xf numFmtId="0" fontId="2" fillId="0" borderId="14" xfId="3" applyFont="1" applyFill="1" applyBorder="1" applyAlignment="1">
      <alignment horizontal="center" vertical="center" wrapText="1"/>
    </xf>
    <xf numFmtId="0" fontId="2" fillId="0" borderId="13" xfId="3" applyFont="1" applyFill="1" applyBorder="1" applyAlignment="1">
      <alignment horizontal="center" vertical="center" wrapText="1"/>
    </xf>
    <xf numFmtId="0" fontId="2" fillId="0" borderId="18" xfId="3" applyFont="1" applyFill="1" applyBorder="1" applyAlignment="1">
      <alignment horizontal="center" vertical="center"/>
    </xf>
    <xf numFmtId="49" fontId="2" fillId="0" borderId="18" xfId="3" applyNumberFormat="1" applyFont="1" applyFill="1" applyBorder="1" applyAlignment="1">
      <alignment horizontal="center" vertical="center"/>
    </xf>
    <xf numFmtId="0" fontId="2" fillId="0" borderId="15" xfId="3" applyFont="1" applyFill="1" applyBorder="1" applyAlignment="1">
      <alignment horizontal="center" vertical="center"/>
    </xf>
    <xf numFmtId="0" fontId="2" fillId="0" borderId="14" xfId="3" applyFont="1" applyFill="1" applyBorder="1" applyAlignment="1">
      <alignment horizontal="center" vertical="center"/>
    </xf>
    <xf numFmtId="0" fontId="2" fillId="0" borderId="13" xfId="3" applyFont="1" applyFill="1" applyBorder="1" applyAlignment="1">
      <alignment horizontal="center" vertical="center"/>
    </xf>
    <xf numFmtId="0" fontId="9" fillId="0" borderId="15" xfId="3" applyFont="1" applyFill="1" applyBorder="1" applyAlignment="1">
      <alignment horizontal="center" vertical="center"/>
    </xf>
    <xf numFmtId="0" fontId="9" fillId="0" borderId="14" xfId="3" applyFont="1" applyFill="1" applyBorder="1" applyAlignment="1">
      <alignment horizontal="center" vertical="center"/>
    </xf>
    <xf numFmtId="0" fontId="9" fillId="0" borderId="13" xfId="3" applyFont="1" applyFill="1" applyBorder="1" applyAlignment="1">
      <alignment horizontal="center" vertical="center"/>
    </xf>
    <xf numFmtId="0" fontId="2" fillId="0" borderId="0" xfId="3" applyFont="1" applyFill="1" applyAlignment="1">
      <alignment horizontal="left" vertical="center" shrinkToFit="1"/>
    </xf>
    <xf numFmtId="0" fontId="5" fillId="0" borderId="15" xfId="3" applyFont="1" applyFill="1" applyBorder="1" applyAlignment="1">
      <alignment horizontal="center" vertical="center"/>
    </xf>
    <xf numFmtId="0" fontId="5" fillId="0" borderId="14" xfId="3" applyFont="1" applyFill="1" applyBorder="1" applyAlignment="1">
      <alignment horizontal="center" vertical="center"/>
    </xf>
    <xf numFmtId="0" fontId="5" fillId="0" borderId="13" xfId="3" applyFont="1" applyFill="1" applyBorder="1" applyAlignment="1">
      <alignment horizontal="center" vertical="center"/>
    </xf>
    <xf numFmtId="0" fontId="2" fillId="0" borderId="11" xfId="3" applyFont="1" applyFill="1" applyBorder="1" applyAlignment="1">
      <alignment horizontal="left" vertical="center"/>
    </xf>
    <xf numFmtId="0" fontId="2" fillId="0" borderId="7" xfId="3" applyFont="1" applyFill="1" applyBorder="1" applyAlignment="1">
      <alignment horizontal="left" vertical="center"/>
    </xf>
    <xf numFmtId="0" fontId="2" fillId="0" borderId="6" xfId="3" applyFont="1" applyFill="1" applyBorder="1" applyAlignment="1">
      <alignment horizontal="left" vertical="center"/>
    </xf>
    <xf numFmtId="0" fontId="2" fillId="0" borderId="5" xfId="3" applyFont="1" applyFill="1" applyBorder="1" applyAlignment="1">
      <alignment horizontal="left" vertical="center"/>
    </xf>
    <xf numFmtId="0" fontId="2" fillId="0" borderId="3" xfId="3" applyFont="1" applyFill="1" applyBorder="1" applyAlignment="1">
      <alignment horizontal="left" vertical="center"/>
    </xf>
    <xf numFmtId="0" fontId="2" fillId="0" borderId="2" xfId="3" applyFont="1" applyFill="1" applyBorder="1" applyAlignment="1">
      <alignment horizontal="left" vertical="center"/>
    </xf>
    <xf numFmtId="0" fontId="2" fillId="0" borderId="3" xfId="3" applyFont="1" applyFill="1" applyBorder="1" applyAlignment="1">
      <alignment horizontal="left" vertical="center" shrinkToFit="1"/>
    </xf>
    <xf numFmtId="0" fontId="2" fillId="0" borderId="18" xfId="3" applyFont="1" applyFill="1" applyBorder="1" applyAlignment="1">
      <alignment horizontal="center" vertical="center" shrinkToFit="1"/>
    </xf>
    <xf numFmtId="0" fontId="2" fillId="0" borderId="0" xfId="3" applyFont="1" applyFill="1" applyAlignment="1">
      <alignment horizontal="center" vertical="center" wrapText="1"/>
    </xf>
    <xf numFmtId="0" fontId="8" fillId="0" borderId="14" xfId="0" applyFont="1" applyBorder="1" applyAlignment="1">
      <alignment horizontal="left" vertical="center" wrapText="1"/>
    </xf>
    <xf numFmtId="0" fontId="8" fillId="0" borderId="13" xfId="0" applyFont="1" applyBorder="1" applyAlignment="1">
      <alignment horizontal="left" vertical="center" wrapText="1"/>
    </xf>
    <xf numFmtId="0" fontId="8" fillId="0" borderId="7" xfId="0" applyFont="1" applyBorder="1" applyAlignment="1">
      <alignment horizontal="left" vertical="center" wrapText="1"/>
    </xf>
    <xf numFmtId="0" fontId="8" fillId="0" borderId="0" xfId="0" applyFont="1" applyAlignment="1">
      <alignment horizontal="left" vertical="center" wrapText="1"/>
    </xf>
    <xf numFmtId="0" fontId="8" fillId="0" borderId="7" xfId="0" applyFont="1" applyBorder="1" applyAlignment="1">
      <alignment horizontal="center" vertical="center" wrapText="1"/>
    </xf>
    <xf numFmtId="0" fontId="8" fillId="0" borderId="6" xfId="0" applyFont="1" applyBorder="1" applyAlignment="1">
      <alignment horizontal="center" vertical="center" wrapText="1"/>
    </xf>
    <xf numFmtId="0" fontId="8" fillId="0" borderId="0" xfId="0" applyFont="1" applyAlignment="1">
      <alignment horizontal="center" vertical="center" wrapText="1"/>
    </xf>
    <xf numFmtId="0" fontId="8" fillId="0" borderId="1" xfId="0" applyFont="1" applyBorder="1" applyAlignment="1">
      <alignment horizontal="center" vertical="center" wrapText="1"/>
    </xf>
    <xf numFmtId="0" fontId="8" fillId="0" borderId="3"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8" fillId="0" borderId="14" xfId="0" applyFont="1" applyBorder="1" applyAlignment="1">
      <alignment vertical="center" wrapText="1"/>
    </xf>
    <xf numFmtId="0" fontId="8" fillId="0" borderId="13" xfId="0" applyFont="1" applyBorder="1" applyAlignment="1">
      <alignment vertical="center" wrapText="1"/>
    </xf>
    <xf numFmtId="0" fontId="2" fillId="0" borderId="1" xfId="0" applyFont="1" applyBorder="1" applyAlignment="1">
      <alignment horizontal="left" vertical="center"/>
    </xf>
    <xf numFmtId="0" fontId="2" fillId="0" borderId="7" xfId="0" applyFont="1" applyBorder="1" applyAlignment="1">
      <alignment horizontal="left" vertical="top" wrapText="1"/>
    </xf>
    <xf numFmtId="0" fontId="2" fillId="0" borderId="0" xfId="0" applyFont="1" applyAlignment="1">
      <alignment horizontal="left" vertical="top" wrapText="1"/>
    </xf>
    <xf numFmtId="0" fontId="9" fillId="0" borderId="18" xfId="0" applyFont="1" applyBorder="1" applyAlignment="1">
      <alignment horizontal="center" vertical="center"/>
    </xf>
    <xf numFmtId="0" fontId="4" fillId="0" borderId="0" xfId="0" applyFont="1" applyAlignment="1">
      <alignment horizontal="center" vertical="center" wrapText="1"/>
    </xf>
    <xf numFmtId="0" fontId="2" fillId="0" borderId="8" xfId="0" applyFont="1" applyBorder="1" applyAlignment="1">
      <alignment horizontal="center" vertical="center"/>
    </xf>
    <xf numFmtId="0" fontId="14" fillId="0" borderId="11" xfId="0" applyFont="1" applyBorder="1" applyAlignment="1">
      <alignment horizontal="left" vertical="center" wrapText="1"/>
    </xf>
    <xf numFmtId="0" fontId="14" fillId="0" borderId="7" xfId="0" applyFont="1" applyBorder="1" applyAlignment="1">
      <alignment horizontal="left" vertical="center" wrapText="1"/>
    </xf>
    <xf numFmtId="0" fontId="14" fillId="0" borderId="6" xfId="0" applyFont="1" applyBorder="1" applyAlignment="1">
      <alignment horizontal="left" vertical="center" wrapText="1"/>
    </xf>
    <xf numFmtId="0" fontId="14" fillId="0" borderId="9" xfId="0" applyFont="1" applyBorder="1" applyAlignment="1">
      <alignment horizontal="left" vertical="center"/>
    </xf>
    <xf numFmtId="0" fontId="14" fillId="0" borderId="0" xfId="0" applyFont="1" applyAlignment="1">
      <alignment horizontal="left" vertical="center"/>
    </xf>
    <xf numFmtId="0" fontId="14" fillId="0" borderId="1" xfId="0" applyFont="1" applyBorder="1" applyAlignment="1">
      <alignment horizontal="left" vertical="center"/>
    </xf>
    <xf numFmtId="0" fontId="2" fillId="0" borderId="14" xfId="0" applyFont="1" applyBorder="1" applyAlignment="1">
      <alignment horizontal="left" vertical="center" wrapText="1"/>
    </xf>
    <xf numFmtId="0" fontId="2" fillId="0" borderId="13" xfId="0" applyFont="1" applyBorder="1" applyAlignment="1">
      <alignment horizontal="left" vertical="center" wrapText="1"/>
    </xf>
    <xf numFmtId="0" fontId="2" fillId="0" borderId="14"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5" xfId="0" applyFont="1" applyBorder="1" applyAlignment="1">
      <alignment horizontal="left" vertical="center" wrapText="1"/>
    </xf>
  </cellXfs>
  <cellStyles count="5">
    <cellStyle name="標準" xfId="0" builtinId="0"/>
    <cellStyle name="標準 2" xfId="1"/>
    <cellStyle name="標準 3" xfId="2"/>
    <cellStyle name="標準 4" xfId="3"/>
    <cellStyle name="標準 5" xfId="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externalLink" Target="externalLinks/externalLink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C21"/>
  <sheetViews>
    <sheetView tabSelected="1" view="pageBreakPreview" zoomScaleNormal="100" zoomScaleSheetLayoutView="100" workbookViewId="0">
      <selection activeCell="J35" sqref="J35"/>
    </sheetView>
  </sheetViews>
  <sheetFormatPr defaultRowHeight="13.5" x14ac:dyDescent="0.15"/>
  <cols>
    <col min="1" max="1" width="29.75" style="21" customWidth="1"/>
    <col min="2" max="2" width="68.625" style="18" customWidth="1"/>
    <col min="3" max="3" width="16.625" style="18" customWidth="1"/>
    <col min="4" max="256" width="9" style="18"/>
    <col min="257" max="257" width="29.75" style="18" customWidth="1"/>
    <col min="258" max="258" width="68.625" style="18" customWidth="1"/>
    <col min="259" max="259" width="16.625" style="18" customWidth="1"/>
    <col min="260" max="512" width="9" style="18"/>
    <col min="513" max="513" width="29.75" style="18" customWidth="1"/>
    <col min="514" max="514" width="68.625" style="18" customWidth="1"/>
    <col min="515" max="515" width="16.625" style="18" customWidth="1"/>
    <col min="516" max="768" width="9" style="18"/>
    <col min="769" max="769" width="29.75" style="18" customWidth="1"/>
    <col min="770" max="770" width="68.625" style="18" customWidth="1"/>
    <col min="771" max="771" width="16.625" style="18" customWidth="1"/>
    <col min="772" max="1024" width="9" style="18"/>
    <col min="1025" max="1025" width="29.75" style="18" customWidth="1"/>
    <col min="1026" max="1026" width="68.625" style="18" customWidth="1"/>
    <col min="1027" max="1027" width="16.625" style="18" customWidth="1"/>
    <col min="1028" max="1280" width="9" style="18"/>
    <col min="1281" max="1281" width="29.75" style="18" customWidth="1"/>
    <col min="1282" max="1282" width="68.625" style="18" customWidth="1"/>
    <col min="1283" max="1283" width="16.625" style="18" customWidth="1"/>
    <col min="1284" max="1536" width="9" style="18"/>
    <col min="1537" max="1537" width="29.75" style="18" customWidth="1"/>
    <col min="1538" max="1538" width="68.625" style="18" customWidth="1"/>
    <col min="1539" max="1539" width="16.625" style="18" customWidth="1"/>
    <col min="1540" max="1792" width="9" style="18"/>
    <col min="1793" max="1793" width="29.75" style="18" customWidth="1"/>
    <col min="1794" max="1794" width="68.625" style="18" customWidth="1"/>
    <col min="1795" max="1795" width="16.625" style="18" customWidth="1"/>
    <col min="1796" max="2048" width="9" style="18"/>
    <col min="2049" max="2049" width="29.75" style="18" customWidth="1"/>
    <col min="2050" max="2050" width="68.625" style="18" customWidth="1"/>
    <col min="2051" max="2051" width="16.625" style="18" customWidth="1"/>
    <col min="2052" max="2304" width="9" style="18"/>
    <col min="2305" max="2305" width="29.75" style="18" customWidth="1"/>
    <col min="2306" max="2306" width="68.625" style="18" customWidth="1"/>
    <col min="2307" max="2307" width="16.625" style="18" customWidth="1"/>
    <col min="2308" max="2560" width="9" style="18"/>
    <col min="2561" max="2561" width="29.75" style="18" customWidth="1"/>
    <col min="2562" max="2562" width="68.625" style="18" customWidth="1"/>
    <col min="2563" max="2563" width="16.625" style="18" customWidth="1"/>
    <col min="2564" max="2816" width="9" style="18"/>
    <col min="2817" max="2817" width="29.75" style="18" customWidth="1"/>
    <col min="2818" max="2818" width="68.625" style="18" customWidth="1"/>
    <col min="2819" max="2819" width="16.625" style="18" customWidth="1"/>
    <col min="2820" max="3072" width="9" style="18"/>
    <col min="3073" max="3073" width="29.75" style="18" customWidth="1"/>
    <col min="3074" max="3074" width="68.625" style="18" customWidth="1"/>
    <col min="3075" max="3075" width="16.625" style="18" customWidth="1"/>
    <col min="3076" max="3328" width="9" style="18"/>
    <col min="3329" max="3329" width="29.75" style="18" customWidth="1"/>
    <col min="3330" max="3330" width="68.625" style="18" customWidth="1"/>
    <col min="3331" max="3331" width="16.625" style="18" customWidth="1"/>
    <col min="3332" max="3584" width="9" style="18"/>
    <col min="3585" max="3585" width="29.75" style="18" customWidth="1"/>
    <col min="3586" max="3586" width="68.625" style="18" customWidth="1"/>
    <col min="3587" max="3587" width="16.625" style="18" customWidth="1"/>
    <col min="3588" max="3840" width="9" style="18"/>
    <col min="3841" max="3841" width="29.75" style="18" customWidth="1"/>
    <col min="3842" max="3842" width="68.625" style="18" customWidth="1"/>
    <col min="3843" max="3843" width="16.625" style="18" customWidth="1"/>
    <col min="3844" max="4096" width="9" style="18"/>
    <col min="4097" max="4097" width="29.75" style="18" customWidth="1"/>
    <col min="4098" max="4098" width="68.625" style="18" customWidth="1"/>
    <col min="4099" max="4099" width="16.625" style="18" customWidth="1"/>
    <col min="4100" max="4352" width="9" style="18"/>
    <col min="4353" max="4353" width="29.75" style="18" customWidth="1"/>
    <col min="4354" max="4354" width="68.625" style="18" customWidth="1"/>
    <col min="4355" max="4355" width="16.625" style="18" customWidth="1"/>
    <col min="4356" max="4608" width="9" style="18"/>
    <col min="4609" max="4609" width="29.75" style="18" customWidth="1"/>
    <col min="4610" max="4610" width="68.625" style="18" customWidth="1"/>
    <col min="4611" max="4611" width="16.625" style="18" customWidth="1"/>
    <col min="4612" max="4864" width="9" style="18"/>
    <col min="4865" max="4865" width="29.75" style="18" customWidth="1"/>
    <col min="4866" max="4866" width="68.625" style="18" customWidth="1"/>
    <col min="4867" max="4867" width="16.625" style="18" customWidth="1"/>
    <col min="4868" max="5120" width="9" style="18"/>
    <col min="5121" max="5121" width="29.75" style="18" customWidth="1"/>
    <col min="5122" max="5122" width="68.625" style="18" customWidth="1"/>
    <col min="5123" max="5123" width="16.625" style="18" customWidth="1"/>
    <col min="5124" max="5376" width="9" style="18"/>
    <col min="5377" max="5377" width="29.75" style="18" customWidth="1"/>
    <col min="5378" max="5378" width="68.625" style="18" customWidth="1"/>
    <col min="5379" max="5379" width="16.625" style="18" customWidth="1"/>
    <col min="5380" max="5632" width="9" style="18"/>
    <col min="5633" max="5633" width="29.75" style="18" customWidth="1"/>
    <col min="5634" max="5634" width="68.625" style="18" customWidth="1"/>
    <col min="5635" max="5635" width="16.625" style="18" customWidth="1"/>
    <col min="5636" max="5888" width="9" style="18"/>
    <col min="5889" max="5889" width="29.75" style="18" customWidth="1"/>
    <col min="5890" max="5890" width="68.625" style="18" customWidth="1"/>
    <col min="5891" max="5891" width="16.625" style="18" customWidth="1"/>
    <col min="5892" max="6144" width="9" style="18"/>
    <col min="6145" max="6145" width="29.75" style="18" customWidth="1"/>
    <col min="6146" max="6146" width="68.625" style="18" customWidth="1"/>
    <col min="6147" max="6147" width="16.625" style="18" customWidth="1"/>
    <col min="6148" max="6400" width="9" style="18"/>
    <col min="6401" max="6401" width="29.75" style="18" customWidth="1"/>
    <col min="6402" max="6402" width="68.625" style="18" customWidth="1"/>
    <col min="6403" max="6403" width="16.625" style="18" customWidth="1"/>
    <col min="6404" max="6656" width="9" style="18"/>
    <col min="6657" max="6657" width="29.75" style="18" customWidth="1"/>
    <col min="6658" max="6658" width="68.625" style="18" customWidth="1"/>
    <col min="6659" max="6659" width="16.625" style="18" customWidth="1"/>
    <col min="6660" max="6912" width="9" style="18"/>
    <col min="6913" max="6913" width="29.75" style="18" customWidth="1"/>
    <col min="6914" max="6914" width="68.625" style="18" customWidth="1"/>
    <col min="6915" max="6915" width="16.625" style="18" customWidth="1"/>
    <col min="6916" max="7168" width="9" style="18"/>
    <col min="7169" max="7169" width="29.75" style="18" customWidth="1"/>
    <col min="7170" max="7170" width="68.625" style="18" customWidth="1"/>
    <col min="7171" max="7171" width="16.625" style="18" customWidth="1"/>
    <col min="7172" max="7424" width="9" style="18"/>
    <col min="7425" max="7425" width="29.75" style="18" customWidth="1"/>
    <col min="7426" max="7426" width="68.625" style="18" customWidth="1"/>
    <col min="7427" max="7427" width="16.625" style="18" customWidth="1"/>
    <col min="7428" max="7680" width="9" style="18"/>
    <col min="7681" max="7681" width="29.75" style="18" customWidth="1"/>
    <col min="7682" max="7682" width="68.625" style="18" customWidth="1"/>
    <col min="7683" max="7683" width="16.625" style="18" customWidth="1"/>
    <col min="7684" max="7936" width="9" style="18"/>
    <col min="7937" max="7937" width="29.75" style="18" customWidth="1"/>
    <col min="7938" max="7938" width="68.625" style="18" customWidth="1"/>
    <col min="7939" max="7939" width="16.625" style="18" customWidth="1"/>
    <col min="7940" max="8192" width="9" style="18"/>
    <col min="8193" max="8193" width="29.75" style="18" customWidth="1"/>
    <col min="8194" max="8194" width="68.625" style="18" customWidth="1"/>
    <col min="8195" max="8195" width="16.625" style="18" customWidth="1"/>
    <col min="8196" max="8448" width="9" style="18"/>
    <col min="8449" max="8449" width="29.75" style="18" customWidth="1"/>
    <col min="8450" max="8450" width="68.625" style="18" customWidth="1"/>
    <col min="8451" max="8451" width="16.625" style="18" customWidth="1"/>
    <col min="8452" max="8704" width="9" style="18"/>
    <col min="8705" max="8705" width="29.75" style="18" customWidth="1"/>
    <col min="8706" max="8706" width="68.625" style="18" customWidth="1"/>
    <col min="8707" max="8707" width="16.625" style="18" customWidth="1"/>
    <col min="8708" max="8960" width="9" style="18"/>
    <col min="8961" max="8961" width="29.75" style="18" customWidth="1"/>
    <col min="8962" max="8962" width="68.625" style="18" customWidth="1"/>
    <col min="8963" max="8963" width="16.625" style="18" customWidth="1"/>
    <col min="8964" max="9216" width="9" style="18"/>
    <col min="9217" max="9217" width="29.75" style="18" customWidth="1"/>
    <col min="9218" max="9218" width="68.625" style="18" customWidth="1"/>
    <col min="9219" max="9219" width="16.625" style="18" customWidth="1"/>
    <col min="9220" max="9472" width="9" style="18"/>
    <col min="9473" max="9473" width="29.75" style="18" customWidth="1"/>
    <col min="9474" max="9474" width="68.625" style="18" customWidth="1"/>
    <col min="9475" max="9475" width="16.625" style="18" customWidth="1"/>
    <col min="9476" max="9728" width="9" style="18"/>
    <col min="9729" max="9729" width="29.75" style="18" customWidth="1"/>
    <col min="9730" max="9730" width="68.625" style="18" customWidth="1"/>
    <col min="9731" max="9731" width="16.625" style="18" customWidth="1"/>
    <col min="9732" max="9984" width="9" style="18"/>
    <col min="9985" max="9985" width="29.75" style="18" customWidth="1"/>
    <col min="9986" max="9986" width="68.625" style="18" customWidth="1"/>
    <col min="9987" max="9987" width="16.625" style="18" customWidth="1"/>
    <col min="9988" max="10240" width="9" style="18"/>
    <col min="10241" max="10241" width="29.75" style="18" customWidth="1"/>
    <col min="10242" max="10242" width="68.625" style="18" customWidth="1"/>
    <col min="10243" max="10243" width="16.625" style="18" customWidth="1"/>
    <col min="10244" max="10496" width="9" style="18"/>
    <col min="10497" max="10497" width="29.75" style="18" customWidth="1"/>
    <col min="10498" max="10498" width="68.625" style="18" customWidth="1"/>
    <col min="10499" max="10499" width="16.625" style="18" customWidth="1"/>
    <col min="10500" max="10752" width="9" style="18"/>
    <col min="10753" max="10753" width="29.75" style="18" customWidth="1"/>
    <col min="10754" max="10754" width="68.625" style="18" customWidth="1"/>
    <col min="10755" max="10755" width="16.625" style="18" customWidth="1"/>
    <col min="10756" max="11008" width="9" style="18"/>
    <col min="11009" max="11009" width="29.75" style="18" customWidth="1"/>
    <col min="11010" max="11010" width="68.625" style="18" customWidth="1"/>
    <col min="11011" max="11011" width="16.625" style="18" customWidth="1"/>
    <col min="11012" max="11264" width="9" style="18"/>
    <col min="11265" max="11265" width="29.75" style="18" customWidth="1"/>
    <col min="11266" max="11266" width="68.625" style="18" customWidth="1"/>
    <col min="11267" max="11267" width="16.625" style="18" customWidth="1"/>
    <col min="11268" max="11520" width="9" style="18"/>
    <col min="11521" max="11521" width="29.75" style="18" customWidth="1"/>
    <col min="11522" max="11522" width="68.625" style="18" customWidth="1"/>
    <col min="11523" max="11523" width="16.625" style="18" customWidth="1"/>
    <col min="11524" max="11776" width="9" style="18"/>
    <col min="11777" max="11777" width="29.75" style="18" customWidth="1"/>
    <col min="11778" max="11778" width="68.625" style="18" customWidth="1"/>
    <col min="11779" max="11779" width="16.625" style="18" customWidth="1"/>
    <col min="11780" max="12032" width="9" style="18"/>
    <col min="12033" max="12033" width="29.75" style="18" customWidth="1"/>
    <col min="12034" max="12034" width="68.625" style="18" customWidth="1"/>
    <col min="12035" max="12035" width="16.625" style="18" customWidth="1"/>
    <col min="12036" max="12288" width="9" style="18"/>
    <col min="12289" max="12289" width="29.75" style="18" customWidth="1"/>
    <col min="12290" max="12290" width="68.625" style="18" customWidth="1"/>
    <col min="12291" max="12291" width="16.625" style="18" customWidth="1"/>
    <col min="12292" max="12544" width="9" style="18"/>
    <col min="12545" max="12545" width="29.75" style="18" customWidth="1"/>
    <col min="12546" max="12546" width="68.625" style="18" customWidth="1"/>
    <col min="12547" max="12547" width="16.625" style="18" customWidth="1"/>
    <col min="12548" max="12800" width="9" style="18"/>
    <col min="12801" max="12801" width="29.75" style="18" customWidth="1"/>
    <col min="12802" max="12802" width="68.625" style="18" customWidth="1"/>
    <col min="12803" max="12803" width="16.625" style="18" customWidth="1"/>
    <col min="12804" max="13056" width="9" style="18"/>
    <col min="13057" max="13057" width="29.75" style="18" customWidth="1"/>
    <col min="13058" max="13058" width="68.625" style="18" customWidth="1"/>
    <col min="13059" max="13059" width="16.625" style="18" customWidth="1"/>
    <col min="13060" max="13312" width="9" style="18"/>
    <col min="13313" max="13313" width="29.75" style="18" customWidth="1"/>
    <col min="13314" max="13314" width="68.625" style="18" customWidth="1"/>
    <col min="13315" max="13315" width="16.625" style="18" customWidth="1"/>
    <col min="13316" max="13568" width="9" style="18"/>
    <col min="13569" max="13569" width="29.75" style="18" customWidth="1"/>
    <col min="13570" max="13570" width="68.625" style="18" customWidth="1"/>
    <col min="13571" max="13571" width="16.625" style="18" customWidth="1"/>
    <col min="13572" max="13824" width="9" style="18"/>
    <col min="13825" max="13825" width="29.75" style="18" customWidth="1"/>
    <col min="13826" max="13826" width="68.625" style="18" customWidth="1"/>
    <col min="13827" max="13827" width="16.625" style="18" customWidth="1"/>
    <col min="13828" max="14080" width="9" style="18"/>
    <col min="14081" max="14081" width="29.75" style="18" customWidth="1"/>
    <col min="14082" max="14082" width="68.625" style="18" customWidth="1"/>
    <col min="14083" max="14083" width="16.625" style="18" customWidth="1"/>
    <col min="14084" max="14336" width="9" style="18"/>
    <col min="14337" max="14337" width="29.75" style="18" customWidth="1"/>
    <col min="14338" max="14338" width="68.625" style="18" customWidth="1"/>
    <col min="14339" max="14339" width="16.625" style="18" customWidth="1"/>
    <col min="14340" max="14592" width="9" style="18"/>
    <col min="14593" max="14593" width="29.75" style="18" customWidth="1"/>
    <col min="14594" max="14594" width="68.625" style="18" customWidth="1"/>
    <col min="14595" max="14595" width="16.625" style="18" customWidth="1"/>
    <col min="14596" max="14848" width="9" style="18"/>
    <col min="14849" max="14849" width="29.75" style="18" customWidth="1"/>
    <col min="14850" max="14850" width="68.625" style="18" customWidth="1"/>
    <col min="14851" max="14851" width="16.625" style="18" customWidth="1"/>
    <col min="14852" max="15104" width="9" style="18"/>
    <col min="15105" max="15105" width="29.75" style="18" customWidth="1"/>
    <col min="15106" max="15106" width="68.625" style="18" customWidth="1"/>
    <col min="15107" max="15107" width="16.625" style="18" customWidth="1"/>
    <col min="15108" max="15360" width="9" style="18"/>
    <col min="15361" max="15361" width="29.75" style="18" customWidth="1"/>
    <col min="15362" max="15362" width="68.625" style="18" customWidth="1"/>
    <col min="15363" max="15363" width="16.625" style="18" customWidth="1"/>
    <col min="15364" max="15616" width="9" style="18"/>
    <col min="15617" max="15617" width="29.75" style="18" customWidth="1"/>
    <col min="15618" max="15618" width="68.625" style="18" customWidth="1"/>
    <col min="15619" max="15619" width="16.625" style="18" customWidth="1"/>
    <col min="15620" max="15872" width="9" style="18"/>
    <col min="15873" max="15873" width="29.75" style="18" customWidth="1"/>
    <col min="15874" max="15874" width="68.625" style="18" customWidth="1"/>
    <col min="15875" max="15875" width="16.625" style="18" customWidth="1"/>
    <col min="15876" max="16128" width="9" style="18"/>
    <col min="16129" max="16129" width="29.75" style="18" customWidth="1"/>
    <col min="16130" max="16130" width="68.625" style="18" customWidth="1"/>
    <col min="16131" max="16131" width="16.625" style="18" customWidth="1"/>
    <col min="16132" max="16384" width="9" style="18"/>
  </cols>
  <sheetData>
    <row r="1" spans="1:3" ht="14.25" x14ac:dyDescent="0.15">
      <c r="A1" s="228" t="s">
        <v>387</v>
      </c>
      <c r="B1" s="228"/>
      <c r="C1" s="228"/>
    </row>
    <row r="2" spans="1:3" ht="54.6" customHeight="1" x14ac:dyDescent="0.15">
      <c r="A2" s="229" t="s">
        <v>97</v>
      </c>
      <c r="B2" s="229"/>
      <c r="C2" s="229"/>
    </row>
    <row r="3" spans="1:3" ht="22.5" customHeight="1" thickBot="1" x14ac:dyDescent="0.2">
      <c r="A3" s="22" t="s">
        <v>11</v>
      </c>
      <c r="B3" s="22" t="s">
        <v>12</v>
      </c>
      <c r="C3" s="22" t="s">
        <v>13</v>
      </c>
    </row>
    <row r="4" spans="1:3" ht="41.25" thickTop="1" x14ac:dyDescent="0.15">
      <c r="A4" s="23" t="s">
        <v>98</v>
      </c>
      <c r="B4" s="19" t="s">
        <v>99</v>
      </c>
      <c r="C4" s="19" t="s">
        <v>100</v>
      </c>
    </row>
    <row r="5" spans="1:3" ht="26.25" customHeight="1" x14ac:dyDescent="0.15">
      <c r="A5" s="24" t="s">
        <v>101</v>
      </c>
      <c r="B5" s="20" t="s">
        <v>102</v>
      </c>
      <c r="C5" s="20"/>
    </row>
    <row r="6" spans="1:3" ht="27" x14ac:dyDescent="0.15">
      <c r="A6" s="25" t="s">
        <v>103</v>
      </c>
      <c r="B6" s="20" t="s">
        <v>104</v>
      </c>
      <c r="C6" s="20"/>
    </row>
    <row r="7" spans="1:3" ht="28.5" customHeight="1" x14ac:dyDescent="0.15">
      <c r="A7" s="24" t="s">
        <v>14</v>
      </c>
      <c r="B7" s="20" t="s">
        <v>102</v>
      </c>
      <c r="C7" s="20"/>
    </row>
    <row r="8" spans="1:3" ht="35.25" customHeight="1" x14ac:dyDescent="0.15">
      <c r="A8" s="24" t="s">
        <v>105</v>
      </c>
      <c r="B8" s="20" t="s">
        <v>102</v>
      </c>
      <c r="C8" s="20"/>
    </row>
    <row r="9" spans="1:3" ht="47.25" customHeight="1" x14ac:dyDescent="0.15">
      <c r="A9" s="24" t="s">
        <v>106</v>
      </c>
      <c r="B9" s="20" t="s">
        <v>107</v>
      </c>
      <c r="C9" s="20"/>
    </row>
    <row r="10" spans="1:3" ht="56.25" customHeight="1" x14ac:dyDescent="0.15">
      <c r="A10" s="24" t="s">
        <v>234</v>
      </c>
      <c r="B10" s="20" t="s">
        <v>142</v>
      </c>
      <c r="C10" s="20"/>
    </row>
    <row r="11" spans="1:3" ht="26.25" customHeight="1" x14ac:dyDescent="0.15">
      <c r="A11" s="24" t="s">
        <v>108</v>
      </c>
      <c r="B11" s="85" t="s">
        <v>143</v>
      </c>
      <c r="C11" s="85"/>
    </row>
    <row r="12" spans="1:3" ht="24.75" customHeight="1" x14ac:dyDescent="0.15">
      <c r="A12" s="24" t="s">
        <v>235</v>
      </c>
      <c r="B12" s="92" t="s">
        <v>168</v>
      </c>
      <c r="C12" s="85"/>
    </row>
    <row r="13" spans="1:3" ht="40.5" x14ac:dyDescent="0.15">
      <c r="A13" s="24" t="s">
        <v>109</v>
      </c>
      <c r="B13" s="85" t="s">
        <v>363</v>
      </c>
      <c r="C13" s="85"/>
    </row>
    <row r="14" spans="1:3" ht="32.25" customHeight="1" x14ac:dyDescent="0.15">
      <c r="A14" s="24" t="s">
        <v>110</v>
      </c>
      <c r="B14" s="85" t="s">
        <v>386</v>
      </c>
      <c r="C14" s="85"/>
    </row>
    <row r="15" spans="1:3" ht="42.75" customHeight="1" x14ac:dyDescent="0.15">
      <c r="A15" s="24" t="s">
        <v>236</v>
      </c>
      <c r="B15" s="85" t="s">
        <v>362</v>
      </c>
      <c r="C15" s="85"/>
    </row>
    <row r="16" spans="1:3" ht="24" customHeight="1" x14ac:dyDescent="0.15">
      <c r="A16" s="24" t="s">
        <v>111</v>
      </c>
      <c r="B16" s="85" t="s">
        <v>169</v>
      </c>
      <c r="C16" s="85"/>
    </row>
    <row r="17" spans="1:3" ht="108" customHeight="1" x14ac:dyDescent="0.15">
      <c r="A17" s="24" t="s">
        <v>237</v>
      </c>
      <c r="B17" s="85" t="s">
        <v>238</v>
      </c>
      <c r="C17" s="85"/>
    </row>
    <row r="18" spans="1:3" ht="132" customHeight="1" x14ac:dyDescent="0.15">
      <c r="A18" s="24" t="s">
        <v>304</v>
      </c>
      <c r="B18" s="85" t="s">
        <v>308</v>
      </c>
      <c r="C18" s="85"/>
    </row>
    <row r="19" spans="1:3" ht="132" customHeight="1" x14ac:dyDescent="0.15">
      <c r="A19" s="24" t="s">
        <v>305</v>
      </c>
      <c r="B19" s="85" t="s">
        <v>307</v>
      </c>
      <c r="C19" s="85"/>
    </row>
    <row r="20" spans="1:3" ht="114.75" customHeight="1" x14ac:dyDescent="0.15">
      <c r="A20" s="24" t="s">
        <v>306</v>
      </c>
      <c r="B20" s="85" t="s">
        <v>309</v>
      </c>
      <c r="C20" s="85"/>
    </row>
    <row r="21" spans="1:3" ht="34.5" customHeight="1" x14ac:dyDescent="0.15">
      <c r="A21" s="24" t="s">
        <v>112</v>
      </c>
      <c r="B21" s="85" t="s">
        <v>310</v>
      </c>
      <c r="C21" s="85"/>
    </row>
  </sheetData>
  <mergeCells count="2">
    <mergeCell ref="A1:C1"/>
    <mergeCell ref="A2:C2"/>
  </mergeCells>
  <phoneticPr fontId="3"/>
  <printOptions horizontalCentered="1"/>
  <pageMargins left="0.39370078740157483" right="0.39370078740157483" top="0.39370078740157483" bottom="0.19685039370078741" header="0.51181102362204722" footer="0.11811023622047245"/>
  <pageSetup paperSize="9" scale="76" orientation="portrait" r:id="rId1"/>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view="pageBreakPreview" zoomScaleNormal="100" zoomScaleSheetLayoutView="100" workbookViewId="0">
      <selection activeCell="F61" sqref="F61"/>
    </sheetView>
  </sheetViews>
  <sheetFormatPr defaultColWidth="4" defaultRowHeight="13.5" x14ac:dyDescent="0.15"/>
  <cols>
    <col min="1" max="1" width="1.5" style="80" customWidth="1"/>
    <col min="2" max="2" width="2.375" style="80" customWidth="1"/>
    <col min="3" max="3" width="2.75" style="80" customWidth="1"/>
    <col min="4" max="7" width="4" style="80"/>
    <col min="8" max="8" width="2.875" style="80" customWidth="1"/>
    <col min="9" max="16" width="4" style="80"/>
    <col min="17" max="17" width="5.375" style="80" customWidth="1"/>
    <col min="18" max="18" width="5" style="80" customWidth="1"/>
    <col min="19" max="19" width="4.625" style="80" customWidth="1"/>
    <col min="20" max="24" width="4" style="80"/>
    <col min="25" max="25" width="2.375" style="80" customWidth="1"/>
    <col min="26" max="26" width="4" style="80"/>
    <col min="27" max="27" width="2.25" style="80" customWidth="1"/>
    <col min="28" max="28" width="4" style="80"/>
    <col min="29" max="29" width="2.375" style="80" customWidth="1"/>
    <col min="30" max="30" width="1.5" style="80" customWidth="1"/>
    <col min="31" max="16384" width="4" style="80"/>
  </cols>
  <sheetData>
    <row r="2" spans="2:32" x14ac:dyDescent="0.15">
      <c r="B2" s="80" t="s">
        <v>388</v>
      </c>
      <c r="C2"/>
      <c r="D2"/>
      <c r="E2"/>
      <c r="F2"/>
      <c r="G2"/>
      <c r="H2"/>
      <c r="I2"/>
      <c r="J2"/>
      <c r="K2"/>
      <c r="L2"/>
      <c r="M2"/>
      <c r="N2"/>
      <c r="O2"/>
      <c r="P2"/>
      <c r="Q2"/>
      <c r="R2"/>
      <c r="S2"/>
      <c r="T2"/>
      <c r="U2"/>
      <c r="V2"/>
      <c r="W2"/>
      <c r="X2"/>
      <c r="Y2"/>
      <c r="Z2"/>
      <c r="AA2"/>
      <c r="AB2"/>
      <c r="AC2"/>
    </row>
    <row r="4" spans="2:32" x14ac:dyDescent="0.15">
      <c r="B4" s="302" t="s">
        <v>389</v>
      </c>
      <c r="C4" s="302"/>
      <c r="D4" s="302"/>
      <c r="E4" s="302"/>
      <c r="F4" s="302"/>
      <c r="G4" s="302"/>
      <c r="H4" s="302"/>
      <c r="I4" s="302"/>
      <c r="J4" s="302"/>
      <c r="K4" s="302"/>
      <c r="L4" s="302"/>
      <c r="M4" s="302"/>
      <c r="N4" s="302"/>
      <c r="O4" s="302"/>
      <c r="P4" s="302"/>
      <c r="Q4" s="302"/>
      <c r="R4" s="302"/>
      <c r="S4" s="302"/>
      <c r="T4" s="302"/>
      <c r="U4" s="302"/>
      <c r="V4" s="302"/>
      <c r="W4" s="302"/>
      <c r="X4" s="302"/>
      <c r="Y4" s="302"/>
      <c r="Z4" s="302"/>
      <c r="AA4" s="302"/>
      <c r="AB4" s="302"/>
      <c r="AC4" s="302"/>
    </row>
    <row r="6" spans="2:32" ht="23.25" customHeight="1" x14ac:dyDescent="0.15">
      <c r="B6" s="307" t="s">
        <v>15</v>
      </c>
      <c r="C6" s="307"/>
      <c r="D6" s="307"/>
      <c r="E6" s="307"/>
      <c r="F6" s="307"/>
      <c r="G6" s="308"/>
      <c r="H6" s="309"/>
      <c r="I6" s="309"/>
      <c r="J6" s="309"/>
      <c r="K6" s="309"/>
      <c r="L6" s="309"/>
      <c r="M6" s="309"/>
      <c r="N6" s="309"/>
      <c r="O6" s="309"/>
      <c r="P6" s="309"/>
      <c r="Q6" s="309"/>
      <c r="R6" s="309"/>
      <c r="S6" s="309"/>
      <c r="T6" s="309"/>
      <c r="U6" s="309"/>
      <c r="V6" s="309"/>
      <c r="W6" s="309"/>
      <c r="X6" s="309"/>
      <c r="Y6" s="309"/>
      <c r="Z6" s="309"/>
      <c r="AA6" s="309"/>
      <c r="AB6" s="309"/>
      <c r="AC6" s="310"/>
    </row>
    <row r="7" spans="2:32" ht="23.25" customHeight="1" x14ac:dyDescent="0.15">
      <c r="B7" s="416" t="s">
        <v>390</v>
      </c>
      <c r="C7" s="416"/>
      <c r="D7" s="416"/>
      <c r="E7" s="416"/>
      <c r="F7" s="416"/>
      <c r="G7" s="83" t="s">
        <v>0</v>
      </c>
      <c r="H7" s="196" t="s">
        <v>391</v>
      </c>
      <c r="I7" s="196"/>
      <c r="J7" s="196"/>
      <c r="K7" s="196"/>
      <c r="L7" s="83" t="s">
        <v>0</v>
      </c>
      <c r="M7" s="196" t="s">
        <v>392</v>
      </c>
      <c r="N7" s="196"/>
      <c r="O7" s="196"/>
      <c r="P7" s="196"/>
      <c r="Q7" s="83" t="s">
        <v>0</v>
      </c>
      <c r="R7" s="196" t="s">
        <v>393</v>
      </c>
      <c r="S7" s="196"/>
      <c r="T7" s="196"/>
      <c r="U7" s="196"/>
      <c r="V7" s="196"/>
      <c r="W7" s="196"/>
      <c r="X7" s="196"/>
      <c r="Y7" s="196"/>
      <c r="Z7" s="196"/>
      <c r="AA7" s="94"/>
      <c r="AB7" s="94"/>
      <c r="AC7" s="95"/>
    </row>
    <row r="8" spans="2:32" ht="20.100000000000001" customHeight="1" x14ac:dyDescent="0.15">
      <c r="B8" s="316" t="s">
        <v>316</v>
      </c>
      <c r="C8" s="322"/>
      <c r="D8" s="322"/>
      <c r="E8" s="322"/>
      <c r="F8" s="357"/>
      <c r="G8" s="83" t="s">
        <v>0</v>
      </c>
      <c r="H8" s="309" t="s">
        <v>117</v>
      </c>
      <c r="I8" s="309"/>
      <c r="J8" s="309"/>
      <c r="K8" s="309"/>
      <c r="L8" s="309"/>
      <c r="M8" s="309"/>
      <c r="N8" s="309"/>
      <c r="O8" s="309"/>
      <c r="P8" s="309"/>
      <c r="Q8" s="78"/>
      <c r="R8" s="83" t="s">
        <v>0</v>
      </c>
      <c r="S8" s="309" t="s">
        <v>394</v>
      </c>
      <c r="T8" s="309"/>
      <c r="U8" s="309"/>
      <c r="V8" s="309"/>
      <c r="W8" s="309"/>
      <c r="X8" s="309"/>
      <c r="Y8" s="309"/>
      <c r="Z8" s="309"/>
      <c r="AA8" s="309"/>
      <c r="AB8" s="309"/>
      <c r="AC8" s="310"/>
    </row>
    <row r="10" spans="2:32" x14ac:dyDescent="0.15">
      <c r="B10" s="93"/>
      <c r="C10" s="94"/>
      <c r="D10" s="94"/>
      <c r="E10" s="94"/>
      <c r="F10" s="94"/>
      <c r="G10" s="94"/>
      <c r="H10" s="94"/>
      <c r="I10" s="94"/>
      <c r="J10" s="94"/>
      <c r="K10" s="94"/>
      <c r="L10" s="94"/>
      <c r="M10" s="94"/>
      <c r="N10" s="94"/>
      <c r="O10" s="94"/>
      <c r="P10" s="94"/>
      <c r="Q10" s="94"/>
      <c r="R10" s="94"/>
      <c r="S10" s="94"/>
      <c r="T10" s="94"/>
      <c r="U10" s="94"/>
      <c r="V10" s="94"/>
      <c r="W10" s="94"/>
      <c r="X10" s="95"/>
      <c r="Y10" s="94"/>
      <c r="Z10" s="94"/>
      <c r="AA10" s="94"/>
      <c r="AB10" s="94"/>
      <c r="AC10" s="95"/>
      <c r="AD10"/>
      <c r="AE10"/>
      <c r="AF10"/>
    </row>
    <row r="11" spans="2:32" x14ac:dyDescent="0.15">
      <c r="B11" s="3" t="s">
        <v>395</v>
      </c>
      <c r="X11" s="81"/>
      <c r="Z11" s="33" t="s">
        <v>20</v>
      </c>
      <c r="AA11" s="33" t="s">
        <v>396</v>
      </c>
      <c r="AB11" s="33" t="s">
        <v>21</v>
      </c>
      <c r="AC11" s="81"/>
      <c r="AD11"/>
      <c r="AE11"/>
      <c r="AF11"/>
    </row>
    <row r="12" spans="2:32" x14ac:dyDescent="0.15">
      <c r="B12" s="3"/>
      <c r="X12" s="81"/>
      <c r="AC12" s="81"/>
      <c r="AD12"/>
      <c r="AE12"/>
      <c r="AF12"/>
    </row>
    <row r="13" spans="2:32" ht="53.25" customHeight="1" x14ac:dyDescent="0.15">
      <c r="B13" s="3"/>
      <c r="C13" s="82">
        <v>1</v>
      </c>
      <c r="D13" s="425" t="s">
        <v>397</v>
      </c>
      <c r="E13" s="425"/>
      <c r="F13" s="426"/>
      <c r="G13" s="423" t="s">
        <v>398</v>
      </c>
      <c r="H13" s="423"/>
      <c r="I13" s="423"/>
      <c r="J13" s="423"/>
      <c r="K13" s="423"/>
      <c r="L13" s="423"/>
      <c r="M13" s="423"/>
      <c r="N13" s="423"/>
      <c r="O13" s="423"/>
      <c r="P13" s="423"/>
      <c r="Q13" s="423"/>
      <c r="R13" s="423"/>
      <c r="S13" s="423"/>
      <c r="T13" s="423"/>
      <c r="U13" s="423"/>
      <c r="V13" s="423"/>
      <c r="W13" s="424"/>
      <c r="X13" s="81"/>
      <c r="Z13" s="76" t="s">
        <v>0</v>
      </c>
      <c r="AA13" s="76" t="s">
        <v>399</v>
      </c>
      <c r="AB13" s="76" t="s">
        <v>0</v>
      </c>
      <c r="AC13" s="2"/>
    </row>
    <row r="14" spans="2:32" x14ac:dyDescent="0.15">
      <c r="B14" s="3"/>
      <c r="X14" s="81"/>
      <c r="Z14" s="76"/>
      <c r="AA14" s="76"/>
      <c r="AB14" s="76"/>
      <c r="AC14" s="84"/>
    </row>
    <row r="15" spans="2:32" ht="47.25" customHeight="1" x14ac:dyDescent="0.15">
      <c r="B15" s="3"/>
      <c r="C15" s="82">
        <v>2</v>
      </c>
      <c r="D15" s="425" t="s">
        <v>400</v>
      </c>
      <c r="E15" s="425"/>
      <c r="F15" s="426"/>
      <c r="G15" s="427" t="s">
        <v>401</v>
      </c>
      <c r="H15" s="423"/>
      <c r="I15" s="423"/>
      <c r="J15" s="423"/>
      <c r="K15" s="423"/>
      <c r="L15" s="423"/>
      <c r="M15" s="423"/>
      <c r="N15" s="423"/>
      <c r="O15" s="423"/>
      <c r="P15" s="423"/>
      <c r="Q15" s="423"/>
      <c r="R15" s="423"/>
      <c r="S15" s="423"/>
      <c r="T15" s="423"/>
      <c r="U15" s="423"/>
      <c r="V15" s="423"/>
      <c r="W15" s="424"/>
      <c r="X15" s="81"/>
      <c r="Z15" s="76" t="s">
        <v>0</v>
      </c>
      <c r="AA15" s="76" t="s">
        <v>119</v>
      </c>
      <c r="AB15" s="76" t="s">
        <v>0</v>
      </c>
      <c r="AC15" s="2"/>
    </row>
    <row r="16" spans="2:32" x14ac:dyDescent="0.15">
      <c r="B16" s="3"/>
      <c r="X16" s="81"/>
      <c r="Z16" s="76"/>
      <c r="AA16" s="76"/>
      <c r="AB16" s="76"/>
      <c r="AC16" s="84"/>
    </row>
    <row r="17" spans="2:32" ht="28.15" customHeight="1" x14ac:dyDescent="0.15">
      <c r="B17" s="3"/>
      <c r="C17" s="288">
        <v>3</v>
      </c>
      <c r="D17" s="289" t="s">
        <v>402</v>
      </c>
      <c r="E17" s="289"/>
      <c r="F17" s="290"/>
      <c r="G17" s="417" t="s">
        <v>403</v>
      </c>
      <c r="H17" s="418"/>
      <c r="I17" s="418"/>
      <c r="J17" s="418"/>
      <c r="K17" s="418"/>
      <c r="L17" s="418"/>
      <c r="M17" s="418"/>
      <c r="N17" s="418"/>
      <c r="O17" s="418"/>
      <c r="P17" s="418"/>
      <c r="Q17" s="418"/>
      <c r="R17" s="418"/>
      <c r="S17" s="418"/>
      <c r="T17" s="418"/>
      <c r="U17" s="418"/>
      <c r="V17" s="418"/>
      <c r="W17" s="419"/>
      <c r="X17" s="81"/>
      <c r="Z17" s="99"/>
      <c r="AA17" s="76"/>
      <c r="AB17" s="99"/>
      <c r="AC17" s="2"/>
    </row>
    <row r="18" spans="2:32" ht="17.25" customHeight="1" x14ac:dyDescent="0.15">
      <c r="B18" s="3"/>
      <c r="C18" s="291"/>
      <c r="D18" s="292"/>
      <c r="E18" s="292"/>
      <c r="F18" s="293"/>
      <c r="G18" s="197" t="s">
        <v>404</v>
      </c>
      <c r="H18" s="4"/>
      <c r="I18" s="4"/>
      <c r="J18" s="4"/>
      <c r="K18" s="4"/>
      <c r="L18" s="4"/>
      <c r="M18" s="4"/>
      <c r="N18" s="4"/>
      <c r="O18" s="4"/>
      <c r="P18" s="4"/>
      <c r="Q18" s="4"/>
      <c r="R18" s="4"/>
      <c r="S18" s="4"/>
      <c r="T18" s="4"/>
      <c r="U18" s="4"/>
      <c r="V18" s="4"/>
      <c r="W18" s="2"/>
      <c r="X18" s="81"/>
      <c r="Z18" s="76" t="s">
        <v>0</v>
      </c>
      <c r="AA18" s="76" t="s">
        <v>119</v>
      </c>
      <c r="AB18" s="76" t="s">
        <v>0</v>
      </c>
      <c r="AC18" s="2"/>
    </row>
    <row r="19" spans="2:32" ht="17.25" customHeight="1" x14ac:dyDescent="0.15">
      <c r="B19" s="3"/>
      <c r="C19" s="291"/>
      <c r="D19" s="292"/>
      <c r="E19" s="292"/>
      <c r="F19" s="293"/>
      <c r="G19" s="3"/>
      <c r="W19" s="81"/>
      <c r="X19" s="81"/>
      <c r="Z19" s="99"/>
      <c r="AA19" s="76"/>
      <c r="AB19" s="99"/>
      <c r="AC19" s="2"/>
    </row>
    <row r="20" spans="2:32" ht="17.25" customHeight="1" x14ac:dyDescent="0.15">
      <c r="B20" s="3"/>
      <c r="C20" s="291"/>
      <c r="D20" s="292"/>
      <c r="E20" s="292"/>
      <c r="F20" s="293"/>
      <c r="G20" s="420" t="s">
        <v>405</v>
      </c>
      <c r="H20" s="421"/>
      <c r="I20" s="421"/>
      <c r="J20" s="421"/>
      <c r="K20" s="421"/>
      <c r="L20" s="421"/>
      <c r="M20" s="421"/>
      <c r="N20" s="421"/>
      <c r="O20" s="421"/>
      <c r="P20" s="421"/>
      <c r="Q20" s="421"/>
      <c r="R20" s="421"/>
      <c r="S20" s="421"/>
      <c r="T20" s="421"/>
      <c r="U20" s="421"/>
      <c r="V20" s="421"/>
      <c r="W20" s="422"/>
      <c r="X20" s="81"/>
      <c r="Z20" s="99"/>
      <c r="AA20" s="76"/>
      <c r="AB20" s="99"/>
      <c r="AC20" s="2"/>
    </row>
    <row r="21" spans="2:32" ht="17.25" customHeight="1" x14ac:dyDescent="0.15">
      <c r="B21" s="3"/>
      <c r="C21" s="291"/>
      <c r="D21" s="292"/>
      <c r="E21" s="292"/>
      <c r="F21" s="293"/>
      <c r="G21" s="197" t="s">
        <v>406</v>
      </c>
      <c r="H21" s="4"/>
      <c r="I21" s="4"/>
      <c r="J21" s="4"/>
      <c r="K21" s="4"/>
      <c r="L21" s="4"/>
      <c r="M21" s="4"/>
      <c r="N21" s="4"/>
      <c r="O21" s="4"/>
      <c r="P21" s="4"/>
      <c r="Q21" s="4"/>
      <c r="R21" s="4"/>
      <c r="S21" s="4"/>
      <c r="T21" s="4"/>
      <c r="U21" s="4"/>
      <c r="V21" s="4"/>
      <c r="W21" s="2"/>
      <c r="X21" s="81"/>
      <c r="Z21" s="76" t="s">
        <v>0</v>
      </c>
      <c r="AA21" s="76" t="s">
        <v>119</v>
      </c>
      <c r="AB21" s="76" t="s">
        <v>0</v>
      </c>
      <c r="AC21" s="2"/>
    </row>
    <row r="22" spans="2:32" ht="17.25" customHeight="1" x14ac:dyDescent="0.15">
      <c r="B22" s="3"/>
      <c r="C22" s="291"/>
      <c r="D22" s="292"/>
      <c r="E22" s="292"/>
      <c r="F22" s="293"/>
      <c r="G22" s="3"/>
      <c r="H22" s="77" t="s">
        <v>349</v>
      </c>
      <c r="I22" s="309" t="s">
        <v>407</v>
      </c>
      <c r="J22" s="309"/>
      <c r="K22" s="309"/>
      <c r="L22" s="309"/>
      <c r="M22" s="309"/>
      <c r="N22" s="309"/>
      <c r="O22" s="309"/>
      <c r="P22" s="309"/>
      <c r="Q22" s="309"/>
      <c r="R22" s="309"/>
      <c r="S22" s="309"/>
      <c r="T22" s="316"/>
      <c r="U22" s="357"/>
      <c r="V22" s="79" t="s">
        <v>220</v>
      </c>
      <c r="X22" s="90"/>
      <c r="Z22" s="99"/>
      <c r="AA22" s="76"/>
      <c r="AB22" s="99"/>
      <c r="AC22" s="2"/>
    </row>
    <row r="23" spans="2:32" ht="31.5" customHeight="1" x14ac:dyDescent="0.15">
      <c r="B23" s="3"/>
      <c r="C23" s="291"/>
      <c r="D23" s="292"/>
      <c r="E23" s="292"/>
      <c r="F23" s="293"/>
      <c r="G23" s="90"/>
      <c r="H23" s="77" t="s">
        <v>408</v>
      </c>
      <c r="I23" s="423" t="s">
        <v>409</v>
      </c>
      <c r="J23" s="423"/>
      <c r="K23" s="423"/>
      <c r="L23" s="423"/>
      <c r="M23" s="423"/>
      <c r="N23" s="423"/>
      <c r="O23" s="423"/>
      <c r="P23" s="423"/>
      <c r="Q23" s="423"/>
      <c r="R23" s="423"/>
      <c r="S23" s="424"/>
      <c r="T23" s="316"/>
      <c r="U23" s="357"/>
      <c r="V23" s="79" t="s">
        <v>220</v>
      </c>
      <c r="X23" s="90"/>
      <c r="Z23" s="99"/>
      <c r="AA23" s="76"/>
      <c r="AB23" s="99"/>
      <c r="AC23" s="2"/>
    </row>
    <row r="24" spans="2:32" ht="17.25" customHeight="1" x14ac:dyDescent="0.15">
      <c r="B24" s="3"/>
      <c r="C24" s="291"/>
      <c r="D24" s="292"/>
      <c r="E24" s="292"/>
      <c r="F24" s="293"/>
      <c r="G24" s="3"/>
      <c r="W24" s="81"/>
      <c r="X24" s="81"/>
      <c r="Z24" s="4"/>
      <c r="AA24" s="4"/>
      <c r="AB24" s="4"/>
      <c r="AC24" s="2"/>
    </row>
    <row r="25" spans="2:32" ht="17.25" customHeight="1" x14ac:dyDescent="0.15">
      <c r="B25" s="3"/>
      <c r="C25" s="291"/>
      <c r="D25" s="292"/>
      <c r="E25" s="292"/>
      <c r="F25" s="293"/>
      <c r="G25" s="197" t="s">
        <v>410</v>
      </c>
      <c r="H25" s="4"/>
      <c r="I25" s="4"/>
      <c r="J25" s="4"/>
      <c r="K25" s="4"/>
      <c r="L25" s="4"/>
      <c r="M25" s="4"/>
      <c r="N25" s="4"/>
      <c r="O25" s="4"/>
      <c r="P25" s="4"/>
      <c r="Q25" s="4"/>
      <c r="R25" s="4"/>
      <c r="S25" s="4"/>
      <c r="T25" s="4"/>
      <c r="U25" s="4"/>
      <c r="V25" s="4"/>
      <c r="W25" s="2"/>
      <c r="X25" s="2"/>
      <c r="Z25" s="76" t="s">
        <v>0</v>
      </c>
      <c r="AA25" s="76" t="s">
        <v>119</v>
      </c>
      <c r="AB25" s="76" t="s">
        <v>0</v>
      </c>
      <c r="AC25" s="2"/>
    </row>
    <row r="26" spans="2:32" ht="17.25" customHeight="1" x14ac:dyDescent="0.15">
      <c r="B26" s="3"/>
      <c r="C26" s="294"/>
      <c r="D26" s="295"/>
      <c r="E26" s="295"/>
      <c r="F26" s="296"/>
      <c r="G26" s="198"/>
      <c r="H26" s="199"/>
      <c r="I26" s="199"/>
      <c r="J26" s="97"/>
      <c r="K26" s="97"/>
      <c r="L26" s="97"/>
      <c r="M26" s="97"/>
      <c r="N26" s="97"/>
      <c r="O26" s="97"/>
      <c r="P26" s="97"/>
      <c r="Q26" s="97"/>
      <c r="R26" s="97"/>
      <c r="S26" s="97"/>
      <c r="T26" s="97"/>
      <c r="U26" s="97"/>
      <c r="V26" s="97"/>
      <c r="W26" s="98"/>
      <c r="X26" s="81"/>
      <c r="Z26" s="99"/>
      <c r="AA26" s="76"/>
      <c r="AB26" s="99"/>
      <c r="AC26" s="2"/>
    </row>
    <row r="27" spans="2:32" ht="17.25" customHeight="1" x14ac:dyDescent="0.15">
      <c r="B27" s="3"/>
      <c r="D27" s="200"/>
      <c r="E27" s="200"/>
      <c r="F27" s="200"/>
      <c r="X27" s="81"/>
      <c r="Z27" s="99"/>
      <c r="AA27" s="76"/>
      <c r="AB27" s="99"/>
      <c r="AC27" s="2"/>
    </row>
    <row r="28" spans="2:32" x14ac:dyDescent="0.15">
      <c r="B28" s="96"/>
      <c r="C28" s="97"/>
      <c r="D28" s="97"/>
      <c r="E28" s="97"/>
      <c r="F28" s="97"/>
      <c r="G28" s="97"/>
      <c r="H28" s="97"/>
      <c r="I28" s="97"/>
      <c r="J28" s="97"/>
      <c r="K28" s="97"/>
      <c r="L28" s="97"/>
      <c r="M28" s="97"/>
      <c r="N28" s="97"/>
      <c r="O28" s="97"/>
      <c r="P28" s="97"/>
      <c r="Q28" s="97"/>
      <c r="R28" s="97"/>
      <c r="S28" s="97"/>
      <c r="T28" s="97"/>
      <c r="U28" s="97"/>
      <c r="V28" s="97"/>
      <c r="W28" s="97"/>
      <c r="X28" s="98"/>
      <c r="Y28" s="97"/>
      <c r="Z28" s="97"/>
      <c r="AA28" s="97"/>
      <c r="AB28" s="97"/>
      <c r="AC28" s="98"/>
    </row>
    <row r="30" spans="2:32" ht="7.5" customHeight="1" x14ac:dyDescent="0.15">
      <c r="Z30" s="4"/>
      <c r="AA30" s="4"/>
      <c r="AB30" s="4"/>
      <c r="AC30" s="4"/>
    </row>
    <row r="31" spans="2:32" x14ac:dyDescent="0.15">
      <c r="B31" s="80" t="s">
        <v>411</v>
      </c>
    </row>
    <row r="32" spans="2:32" x14ac:dyDescent="0.15">
      <c r="B32" s="80" t="s">
        <v>28</v>
      </c>
      <c r="K32"/>
      <c r="L32"/>
      <c r="M32"/>
      <c r="N32"/>
      <c r="O32"/>
      <c r="P32"/>
      <c r="Q32"/>
      <c r="R32"/>
      <c r="S32"/>
      <c r="T32"/>
      <c r="U32"/>
      <c r="V32"/>
      <c r="W32"/>
      <c r="X32"/>
      <c r="Y32"/>
      <c r="Z32"/>
      <c r="AA32"/>
      <c r="AB32"/>
      <c r="AC32"/>
      <c r="AD32"/>
      <c r="AE32"/>
      <c r="AF32"/>
    </row>
    <row r="122" spans="3:7" x14ac:dyDescent="0.15">
      <c r="C122" s="97"/>
      <c r="D122" s="97"/>
      <c r="E122" s="97"/>
      <c r="F122" s="97"/>
      <c r="G122" s="97"/>
    </row>
    <row r="123" spans="3:7" x14ac:dyDescent="0.15">
      <c r="C123" s="94"/>
    </row>
  </sheetData>
  <mergeCells count="19">
    <mergeCell ref="D13:F13"/>
    <mergeCell ref="G13:W13"/>
    <mergeCell ref="D15:F15"/>
    <mergeCell ref="G15:W15"/>
    <mergeCell ref="C17:C26"/>
    <mergeCell ref="D17:F26"/>
    <mergeCell ref="G17:W17"/>
    <mergeCell ref="G20:W20"/>
    <mergeCell ref="I22:S22"/>
    <mergeCell ref="T22:U22"/>
    <mergeCell ref="I23:S23"/>
    <mergeCell ref="T23:U23"/>
    <mergeCell ref="B4:AC4"/>
    <mergeCell ref="B6:F6"/>
    <mergeCell ref="G6:AC6"/>
    <mergeCell ref="B7:F7"/>
    <mergeCell ref="B8:F8"/>
    <mergeCell ref="H8:P8"/>
    <mergeCell ref="S8:AC8"/>
  </mergeCells>
  <phoneticPr fontId="3"/>
  <dataValidations count="1">
    <dataValidation type="list" allowBlank="1" showInputMessage="1" showErrorMessage="1" sqref="Z13 AB13 Z15 AB15 Z18 AB18 Z21 AB21 Z25 AB25 L7 G7:G8 Q7 R8">
      <formula1>"□,■"</formula1>
    </dataValidation>
  </dataValidations>
  <pageMargins left="0.7" right="0.7" top="0.75" bottom="0.75" header="0.3" footer="0.3"/>
  <pageSetup paperSize="9" scale="83"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G123"/>
  <sheetViews>
    <sheetView view="pageBreakPreview" zoomScale="80" zoomScaleNormal="100" zoomScaleSheetLayoutView="80" workbookViewId="0">
      <selection activeCell="O20" sqref="O20:AF20"/>
    </sheetView>
  </sheetViews>
  <sheetFormatPr defaultColWidth="4" defaultRowHeight="17.25" x14ac:dyDescent="0.15"/>
  <cols>
    <col min="1" max="1" width="1.5" style="144" customWidth="1"/>
    <col min="2" max="12" width="3.25" style="144" customWidth="1"/>
    <col min="13" max="13" width="13" style="144" customWidth="1"/>
    <col min="14" max="14" width="4.125" style="144" bestFit="1" customWidth="1"/>
    <col min="15" max="32" width="3.25" style="144" customWidth="1"/>
    <col min="33" max="33" width="1.5" style="144" customWidth="1"/>
    <col min="34" max="36" width="3.25" style="144" customWidth="1"/>
    <col min="37" max="256" width="4" style="144"/>
    <col min="257" max="257" width="1.5" style="144" customWidth="1"/>
    <col min="258" max="268" width="3.25" style="144" customWidth="1"/>
    <col min="269" max="269" width="13" style="144" customWidth="1"/>
    <col min="270" max="270" width="4.125" style="144" bestFit="1" customWidth="1"/>
    <col min="271" max="288" width="3.25" style="144" customWidth="1"/>
    <col min="289" max="289" width="1.5" style="144" customWidth="1"/>
    <col min="290" max="292" width="3.25" style="144" customWidth="1"/>
    <col min="293" max="512" width="4" style="144"/>
    <col min="513" max="513" width="1.5" style="144" customWidth="1"/>
    <col min="514" max="524" width="3.25" style="144" customWidth="1"/>
    <col min="525" max="525" width="13" style="144" customWidth="1"/>
    <col min="526" max="526" width="4.125" style="144" bestFit="1" customWidth="1"/>
    <col min="527" max="544" width="3.25" style="144" customWidth="1"/>
    <col min="545" max="545" width="1.5" style="144" customWidth="1"/>
    <col min="546" max="548" width="3.25" style="144" customWidth="1"/>
    <col min="549" max="768" width="4" style="144"/>
    <col min="769" max="769" width="1.5" style="144" customWidth="1"/>
    <col min="770" max="780" width="3.25" style="144" customWidth="1"/>
    <col min="781" max="781" width="13" style="144" customWidth="1"/>
    <col min="782" max="782" width="4.125" style="144" bestFit="1" customWidth="1"/>
    <col min="783" max="800" width="3.25" style="144" customWidth="1"/>
    <col min="801" max="801" width="1.5" style="144" customWidth="1"/>
    <col min="802" max="804" width="3.25" style="144" customWidth="1"/>
    <col min="805" max="1024" width="4" style="144"/>
    <col min="1025" max="1025" width="1.5" style="144" customWidth="1"/>
    <col min="1026" max="1036" width="3.25" style="144" customWidth="1"/>
    <col min="1037" max="1037" width="13" style="144" customWidth="1"/>
    <col min="1038" max="1038" width="4.125" style="144" bestFit="1" customWidth="1"/>
    <col min="1039" max="1056" width="3.25" style="144" customWidth="1"/>
    <col min="1057" max="1057" width="1.5" style="144" customWidth="1"/>
    <col min="1058" max="1060" width="3.25" style="144" customWidth="1"/>
    <col min="1061" max="1280" width="4" style="144"/>
    <col min="1281" max="1281" width="1.5" style="144" customWidth="1"/>
    <col min="1282" max="1292" width="3.25" style="144" customWidth="1"/>
    <col min="1293" max="1293" width="13" style="144" customWidth="1"/>
    <col min="1294" max="1294" width="4.125" style="144" bestFit="1" customWidth="1"/>
    <col min="1295" max="1312" width="3.25" style="144" customWidth="1"/>
    <col min="1313" max="1313" width="1.5" style="144" customWidth="1"/>
    <col min="1314" max="1316" width="3.25" style="144" customWidth="1"/>
    <col min="1317" max="1536" width="4" style="144"/>
    <col min="1537" max="1537" width="1.5" style="144" customWidth="1"/>
    <col min="1538" max="1548" width="3.25" style="144" customWidth="1"/>
    <col min="1549" max="1549" width="13" style="144" customWidth="1"/>
    <col min="1550" max="1550" width="4.125" style="144" bestFit="1" customWidth="1"/>
    <col min="1551" max="1568" width="3.25" style="144" customWidth="1"/>
    <col min="1569" max="1569" width="1.5" style="144" customWidth="1"/>
    <col min="1570" max="1572" width="3.25" style="144" customWidth="1"/>
    <col min="1573" max="1792" width="4" style="144"/>
    <col min="1793" max="1793" width="1.5" style="144" customWidth="1"/>
    <col min="1794" max="1804" width="3.25" style="144" customWidth="1"/>
    <col min="1805" max="1805" width="13" style="144" customWidth="1"/>
    <col min="1806" max="1806" width="4.125" style="144" bestFit="1" customWidth="1"/>
    <col min="1807" max="1824" width="3.25" style="144" customWidth="1"/>
    <col min="1825" max="1825" width="1.5" style="144" customWidth="1"/>
    <col min="1826" max="1828" width="3.25" style="144" customWidth="1"/>
    <col min="1829" max="2048" width="4" style="144"/>
    <col min="2049" max="2049" width="1.5" style="144" customWidth="1"/>
    <col min="2050" max="2060" width="3.25" style="144" customWidth="1"/>
    <col min="2061" max="2061" width="13" style="144" customWidth="1"/>
    <col min="2062" max="2062" width="4.125" style="144" bestFit="1" customWidth="1"/>
    <col min="2063" max="2080" width="3.25" style="144" customWidth="1"/>
    <col min="2081" max="2081" width="1.5" style="144" customWidth="1"/>
    <col min="2082" max="2084" width="3.25" style="144" customWidth="1"/>
    <col min="2085" max="2304" width="4" style="144"/>
    <col min="2305" max="2305" width="1.5" style="144" customWidth="1"/>
    <col min="2306" max="2316" width="3.25" style="144" customWidth="1"/>
    <col min="2317" max="2317" width="13" style="144" customWidth="1"/>
    <col min="2318" max="2318" width="4.125" style="144" bestFit="1" customWidth="1"/>
    <col min="2319" max="2336" width="3.25" style="144" customWidth="1"/>
    <col min="2337" max="2337" width="1.5" style="144" customWidth="1"/>
    <col min="2338" max="2340" width="3.25" style="144" customWidth="1"/>
    <col min="2341" max="2560" width="4" style="144"/>
    <col min="2561" max="2561" width="1.5" style="144" customWidth="1"/>
    <col min="2562" max="2572" width="3.25" style="144" customWidth="1"/>
    <col min="2573" max="2573" width="13" style="144" customWidth="1"/>
    <col min="2574" max="2574" width="4.125" style="144" bestFit="1" customWidth="1"/>
    <col min="2575" max="2592" width="3.25" style="144" customWidth="1"/>
    <col min="2593" max="2593" width="1.5" style="144" customWidth="1"/>
    <col min="2594" max="2596" width="3.25" style="144" customWidth="1"/>
    <col min="2597" max="2816" width="4" style="144"/>
    <col min="2817" max="2817" width="1.5" style="144" customWidth="1"/>
    <col min="2818" max="2828" width="3.25" style="144" customWidth="1"/>
    <col min="2829" max="2829" width="13" style="144" customWidth="1"/>
    <col min="2830" max="2830" width="4.125" style="144" bestFit="1" customWidth="1"/>
    <col min="2831" max="2848" width="3.25" style="144" customWidth="1"/>
    <col min="2849" max="2849" width="1.5" style="144" customWidth="1"/>
    <col min="2850" max="2852" width="3.25" style="144" customWidth="1"/>
    <col min="2853" max="3072" width="4" style="144"/>
    <col min="3073" max="3073" width="1.5" style="144" customWidth="1"/>
    <col min="3074" max="3084" width="3.25" style="144" customWidth="1"/>
    <col min="3085" max="3085" width="13" style="144" customWidth="1"/>
    <col min="3086" max="3086" width="4.125" style="144" bestFit="1" customWidth="1"/>
    <col min="3087" max="3104" width="3.25" style="144" customWidth="1"/>
    <col min="3105" max="3105" width="1.5" style="144" customWidth="1"/>
    <col min="3106" max="3108" width="3.25" style="144" customWidth="1"/>
    <col min="3109" max="3328" width="4" style="144"/>
    <col min="3329" max="3329" width="1.5" style="144" customWidth="1"/>
    <col min="3330" max="3340" width="3.25" style="144" customWidth="1"/>
    <col min="3341" max="3341" width="13" style="144" customWidth="1"/>
    <col min="3342" max="3342" width="4.125" style="144" bestFit="1" customWidth="1"/>
    <col min="3343" max="3360" width="3.25" style="144" customWidth="1"/>
    <col min="3361" max="3361" width="1.5" style="144" customWidth="1"/>
    <col min="3362" max="3364" width="3.25" style="144" customWidth="1"/>
    <col min="3365" max="3584" width="4" style="144"/>
    <col min="3585" max="3585" width="1.5" style="144" customWidth="1"/>
    <col min="3586" max="3596" width="3.25" style="144" customWidth="1"/>
    <col min="3597" max="3597" width="13" style="144" customWidth="1"/>
    <col min="3598" max="3598" width="4.125" style="144" bestFit="1" customWidth="1"/>
    <col min="3599" max="3616" width="3.25" style="144" customWidth="1"/>
    <col min="3617" max="3617" width="1.5" style="144" customWidth="1"/>
    <col min="3618" max="3620" width="3.25" style="144" customWidth="1"/>
    <col min="3621" max="3840" width="4" style="144"/>
    <col min="3841" max="3841" width="1.5" style="144" customWidth="1"/>
    <col min="3842" max="3852" width="3.25" style="144" customWidth="1"/>
    <col min="3853" max="3853" width="13" style="144" customWidth="1"/>
    <col min="3854" max="3854" width="4.125" style="144" bestFit="1" customWidth="1"/>
    <col min="3855" max="3872" width="3.25" style="144" customWidth="1"/>
    <col min="3873" max="3873" width="1.5" style="144" customWidth="1"/>
    <col min="3874" max="3876" width="3.25" style="144" customWidth="1"/>
    <col min="3877" max="4096" width="4" style="144"/>
    <col min="4097" max="4097" width="1.5" style="144" customWidth="1"/>
    <col min="4098" max="4108" width="3.25" style="144" customWidth="1"/>
    <col min="4109" max="4109" width="13" style="144" customWidth="1"/>
    <col min="4110" max="4110" width="4.125" style="144" bestFit="1" customWidth="1"/>
    <col min="4111" max="4128" width="3.25" style="144" customWidth="1"/>
    <col min="4129" max="4129" width="1.5" style="144" customWidth="1"/>
    <col min="4130" max="4132" width="3.25" style="144" customWidth="1"/>
    <col min="4133" max="4352" width="4" style="144"/>
    <col min="4353" max="4353" width="1.5" style="144" customWidth="1"/>
    <col min="4354" max="4364" width="3.25" style="144" customWidth="1"/>
    <col min="4365" max="4365" width="13" style="144" customWidth="1"/>
    <col min="4366" max="4366" width="4.125" style="144" bestFit="1" customWidth="1"/>
    <col min="4367" max="4384" width="3.25" style="144" customWidth="1"/>
    <col min="4385" max="4385" width="1.5" style="144" customWidth="1"/>
    <col min="4386" max="4388" width="3.25" style="144" customWidth="1"/>
    <col min="4389" max="4608" width="4" style="144"/>
    <col min="4609" max="4609" width="1.5" style="144" customWidth="1"/>
    <col min="4610" max="4620" width="3.25" style="144" customWidth="1"/>
    <col min="4621" max="4621" width="13" style="144" customWidth="1"/>
    <col min="4622" max="4622" width="4.125" style="144" bestFit="1" customWidth="1"/>
    <col min="4623" max="4640" width="3.25" style="144" customWidth="1"/>
    <col min="4641" max="4641" width="1.5" style="144" customWidth="1"/>
    <col min="4642" max="4644" width="3.25" style="144" customWidth="1"/>
    <col min="4645" max="4864" width="4" style="144"/>
    <col min="4865" max="4865" width="1.5" style="144" customWidth="1"/>
    <col min="4866" max="4876" width="3.25" style="144" customWidth="1"/>
    <col min="4877" max="4877" width="13" style="144" customWidth="1"/>
    <col min="4878" max="4878" width="4.125" style="144" bestFit="1" customWidth="1"/>
    <col min="4879" max="4896" width="3.25" style="144" customWidth="1"/>
    <col min="4897" max="4897" width="1.5" style="144" customWidth="1"/>
    <col min="4898" max="4900" width="3.25" style="144" customWidth="1"/>
    <col min="4901" max="5120" width="4" style="144"/>
    <col min="5121" max="5121" width="1.5" style="144" customWidth="1"/>
    <col min="5122" max="5132" width="3.25" style="144" customWidth="1"/>
    <col min="5133" max="5133" width="13" style="144" customWidth="1"/>
    <col min="5134" max="5134" width="4.125" style="144" bestFit="1" customWidth="1"/>
    <col min="5135" max="5152" width="3.25" style="144" customWidth="1"/>
    <col min="5153" max="5153" width="1.5" style="144" customWidth="1"/>
    <col min="5154" max="5156" width="3.25" style="144" customWidth="1"/>
    <col min="5157" max="5376" width="4" style="144"/>
    <col min="5377" max="5377" width="1.5" style="144" customWidth="1"/>
    <col min="5378" max="5388" width="3.25" style="144" customWidth="1"/>
    <col min="5389" max="5389" width="13" style="144" customWidth="1"/>
    <col min="5390" max="5390" width="4.125" style="144" bestFit="1" customWidth="1"/>
    <col min="5391" max="5408" width="3.25" style="144" customWidth="1"/>
    <col min="5409" max="5409" width="1.5" style="144" customWidth="1"/>
    <col min="5410" max="5412" width="3.25" style="144" customWidth="1"/>
    <col min="5413" max="5632" width="4" style="144"/>
    <col min="5633" max="5633" width="1.5" style="144" customWidth="1"/>
    <col min="5634" max="5644" width="3.25" style="144" customWidth="1"/>
    <col min="5645" max="5645" width="13" style="144" customWidth="1"/>
    <col min="5646" max="5646" width="4.125" style="144" bestFit="1" customWidth="1"/>
    <col min="5647" max="5664" width="3.25" style="144" customWidth="1"/>
    <col min="5665" max="5665" width="1.5" style="144" customWidth="1"/>
    <col min="5666" max="5668" width="3.25" style="144" customWidth="1"/>
    <col min="5669" max="5888" width="4" style="144"/>
    <col min="5889" max="5889" width="1.5" style="144" customWidth="1"/>
    <col min="5890" max="5900" width="3.25" style="144" customWidth="1"/>
    <col min="5901" max="5901" width="13" style="144" customWidth="1"/>
    <col min="5902" max="5902" width="4.125" style="144" bestFit="1" customWidth="1"/>
    <col min="5903" max="5920" width="3.25" style="144" customWidth="1"/>
    <col min="5921" max="5921" width="1.5" style="144" customWidth="1"/>
    <col min="5922" max="5924" width="3.25" style="144" customWidth="1"/>
    <col min="5925" max="6144" width="4" style="144"/>
    <col min="6145" max="6145" width="1.5" style="144" customWidth="1"/>
    <col min="6146" max="6156" width="3.25" style="144" customWidth="1"/>
    <col min="6157" max="6157" width="13" style="144" customWidth="1"/>
    <col min="6158" max="6158" width="4.125" style="144" bestFit="1" customWidth="1"/>
    <col min="6159" max="6176" width="3.25" style="144" customWidth="1"/>
    <col min="6177" max="6177" width="1.5" style="144" customWidth="1"/>
    <col min="6178" max="6180" width="3.25" style="144" customWidth="1"/>
    <col min="6181" max="6400" width="4" style="144"/>
    <col min="6401" max="6401" width="1.5" style="144" customWidth="1"/>
    <col min="6402" max="6412" width="3.25" style="144" customWidth="1"/>
    <col min="6413" max="6413" width="13" style="144" customWidth="1"/>
    <col min="6414" max="6414" width="4.125" style="144" bestFit="1" customWidth="1"/>
    <col min="6415" max="6432" width="3.25" style="144" customWidth="1"/>
    <col min="6433" max="6433" width="1.5" style="144" customWidth="1"/>
    <col min="6434" max="6436" width="3.25" style="144" customWidth="1"/>
    <col min="6437" max="6656" width="4" style="144"/>
    <col min="6657" max="6657" width="1.5" style="144" customWidth="1"/>
    <col min="6658" max="6668" width="3.25" style="144" customWidth="1"/>
    <col min="6669" max="6669" width="13" style="144" customWidth="1"/>
    <col min="6670" max="6670" width="4.125" style="144" bestFit="1" customWidth="1"/>
    <col min="6671" max="6688" width="3.25" style="144" customWidth="1"/>
    <col min="6689" max="6689" width="1.5" style="144" customWidth="1"/>
    <col min="6690" max="6692" width="3.25" style="144" customWidth="1"/>
    <col min="6693" max="6912" width="4" style="144"/>
    <col min="6913" max="6913" width="1.5" style="144" customWidth="1"/>
    <col min="6914" max="6924" width="3.25" style="144" customWidth="1"/>
    <col min="6925" max="6925" width="13" style="144" customWidth="1"/>
    <col min="6926" max="6926" width="4.125" style="144" bestFit="1" customWidth="1"/>
    <col min="6927" max="6944" width="3.25" style="144" customWidth="1"/>
    <col min="6945" max="6945" width="1.5" style="144" customWidth="1"/>
    <col min="6946" max="6948" width="3.25" style="144" customWidth="1"/>
    <col min="6949" max="7168" width="4" style="144"/>
    <col min="7169" max="7169" width="1.5" style="144" customWidth="1"/>
    <col min="7170" max="7180" width="3.25" style="144" customWidth="1"/>
    <col min="7181" max="7181" width="13" style="144" customWidth="1"/>
    <col min="7182" max="7182" width="4.125" style="144" bestFit="1" customWidth="1"/>
    <col min="7183" max="7200" width="3.25" style="144" customWidth="1"/>
    <col min="7201" max="7201" width="1.5" style="144" customWidth="1"/>
    <col min="7202" max="7204" width="3.25" style="144" customWidth="1"/>
    <col min="7205" max="7424" width="4" style="144"/>
    <col min="7425" max="7425" width="1.5" style="144" customWidth="1"/>
    <col min="7426" max="7436" width="3.25" style="144" customWidth="1"/>
    <col min="7437" max="7437" width="13" style="144" customWidth="1"/>
    <col min="7438" max="7438" width="4.125" style="144" bestFit="1" customWidth="1"/>
    <col min="7439" max="7456" width="3.25" style="144" customWidth="1"/>
    <col min="7457" max="7457" width="1.5" style="144" customWidth="1"/>
    <col min="7458" max="7460" width="3.25" style="144" customWidth="1"/>
    <col min="7461" max="7680" width="4" style="144"/>
    <col min="7681" max="7681" width="1.5" style="144" customWidth="1"/>
    <col min="7682" max="7692" width="3.25" style="144" customWidth="1"/>
    <col min="7693" max="7693" width="13" style="144" customWidth="1"/>
    <col min="7694" max="7694" width="4.125" style="144" bestFit="1" customWidth="1"/>
    <col min="7695" max="7712" width="3.25" style="144" customWidth="1"/>
    <col min="7713" max="7713" width="1.5" style="144" customWidth="1"/>
    <col min="7714" max="7716" width="3.25" style="144" customWidth="1"/>
    <col min="7717" max="7936" width="4" style="144"/>
    <col min="7937" max="7937" width="1.5" style="144" customWidth="1"/>
    <col min="7938" max="7948" width="3.25" style="144" customWidth="1"/>
    <col min="7949" max="7949" width="13" style="144" customWidth="1"/>
    <col min="7950" max="7950" width="4.125" style="144" bestFit="1" customWidth="1"/>
    <col min="7951" max="7968" width="3.25" style="144" customWidth="1"/>
    <col min="7969" max="7969" width="1.5" style="144" customWidth="1"/>
    <col min="7970" max="7972" width="3.25" style="144" customWidth="1"/>
    <col min="7973" max="8192" width="4" style="144"/>
    <col min="8193" max="8193" width="1.5" style="144" customWidth="1"/>
    <col min="8194" max="8204" width="3.25" style="144" customWidth="1"/>
    <col min="8205" max="8205" width="13" style="144" customWidth="1"/>
    <col min="8206" max="8206" width="4.125" style="144" bestFit="1" customWidth="1"/>
    <col min="8207" max="8224" width="3.25" style="144" customWidth="1"/>
    <col min="8225" max="8225" width="1.5" style="144" customWidth="1"/>
    <col min="8226" max="8228" width="3.25" style="144" customWidth="1"/>
    <col min="8229" max="8448" width="4" style="144"/>
    <col min="8449" max="8449" width="1.5" style="144" customWidth="1"/>
    <col min="8450" max="8460" width="3.25" style="144" customWidth="1"/>
    <col min="8461" max="8461" width="13" style="144" customWidth="1"/>
    <col min="8462" max="8462" width="4.125" style="144" bestFit="1" customWidth="1"/>
    <col min="8463" max="8480" width="3.25" style="144" customWidth="1"/>
    <col min="8481" max="8481" width="1.5" style="144" customWidth="1"/>
    <col min="8482" max="8484" width="3.25" style="144" customWidth="1"/>
    <col min="8485" max="8704" width="4" style="144"/>
    <col min="8705" max="8705" width="1.5" style="144" customWidth="1"/>
    <col min="8706" max="8716" width="3.25" style="144" customWidth="1"/>
    <col min="8717" max="8717" width="13" style="144" customWidth="1"/>
    <col min="8718" max="8718" width="4.125" style="144" bestFit="1" customWidth="1"/>
    <col min="8719" max="8736" width="3.25" style="144" customWidth="1"/>
    <col min="8737" max="8737" width="1.5" style="144" customWidth="1"/>
    <col min="8738" max="8740" width="3.25" style="144" customWidth="1"/>
    <col min="8741" max="8960" width="4" style="144"/>
    <col min="8961" max="8961" width="1.5" style="144" customWidth="1"/>
    <col min="8962" max="8972" width="3.25" style="144" customWidth="1"/>
    <col min="8973" max="8973" width="13" style="144" customWidth="1"/>
    <col min="8974" max="8974" width="4.125" style="144" bestFit="1" customWidth="1"/>
    <col min="8975" max="8992" width="3.25" style="144" customWidth="1"/>
    <col min="8993" max="8993" width="1.5" style="144" customWidth="1"/>
    <col min="8994" max="8996" width="3.25" style="144" customWidth="1"/>
    <col min="8997" max="9216" width="4" style="144"/>
    <col min="9217" max="9217" width="1.5" style="144" customWidth="1"/>
    <col min="9218" max="9228" width="3.25" style="144" customWidth="1"/>
    <col min="9229" max="9229" width="13" style="144" customWidth="1"/>
    <col min="9230" max="9230" width="4.125" style="144" bestFit="1" customWidth="1"/>
    <col min="9231" max="9248" width="3.25" style="144" customWidth="1"/>
    <col min="9249" max="9249" width="1.5" style="144" customWidth="1"/>
    <col min="9250" max="9252" width="3.25" style="144" customWidth="1"/>
    <col min="9253" max="9472" width="4" style="144"/>
    <col min="9473" max="9473" width="1.5" style="144" customWidth="1"/>
    <col min="9474" max="9484" width="3.25" style="144" customWidth="1"/>
    <col min="9485" max="9485" width="13" style="144" customWidth="1"/>
    <col min="9486" max="9486" width="4.125" style="144" bestFit="1" customWidth="1"/>
    <col min="9487" max="9504" width="3.25" style="144" customWidth="1"/>
    <col min="9505" max="9505" width="1.5" style="144" customWidth="1"/>
    <col min="9506" max="9508" width="3.25" style="144" customWidth="1"/>
    <col min="9509" max="9728" width="4" style="144"/>
    <col min="9729" max="9729" width="1.5" style="144" customWidth="1"/>
    <col min="9730" max="9740" width="3.25" style="144" customWidth="1"/>
    <col min="9741" max="9741" width="13" style="144" customWidth="1"/>
    <col min="9742" max="9742" width="4.125" style="144" bestFit="1" customWidth="1"/>
    <col min="9743" max="9760" width="3.25" style="144" customWidth="1"/>
    <col min="9761" max="9761" width="1.5" style="144" customWidth="1"/>
    <col min="9762" max="9764" width="3.25" style="144" customWidth="1"/>
    <col min="9765" max="9984" width="4" style="144"/>
    <col min="9985" max="9985" width="1.5" style="144" customWidth="1"/>
    <col min="9986" max="9996" width="3.25" style="144" customWidth="1"/>
    <col min="9997" max="9997" width="13" style="144" customWidth="1"/>
    <col min="9998" max="9998" width="4.125" style="144" bestFit="1" customWidth="1"/>
    <col min="9999" max="10016" width="3.25" style="144" customWidth="1"/>
    <col min="10017" max="10017" width="1.5" style="144" customWidth="1"/>
    <col min="10018" max="10020" width="3.25" style="144" customWidth="1"/>
    <col min="10021" max="10240" width="4" style="144"/>
    <col min="10241" max="10241" width="1.5" style="144" customWidth="1"/>
    <col min="10242" max="10252" width="3.25" style="144" customWidth="1"/>
    <col min="10253" max="10253" width="13" style="144" customWidth="1"/>
    <col min="10254" max="10254" width="4.125" style="144" bestFit="1" customWidth="1"/>
    <col min="10255" max="10272" width="3.25" style="144" customWidth="1"/>
    <col min="10273" max="10273" width="1.5" style="144" customWidth="1"/>
    <col min="10274" max="10276" width="3.25" style="144" customWidth="1"/>
    <col min="10277" max="10496" width="4" style="144"/>
    <col min="10497" max="10497" width="1.5" style="144" customWidth="1"/>
    <col min="10498" max="10508" width="3.25" style="144" customWidth="1"/>
    <col min="10509" max="10509" width="13" style="144" customWidth="1"/>
    <col min="10510" max="10510" width="4.125" style="144" bestFit="1" customWidth="1"/>
    <col min="10511" max="10528" width="3.25" style="144" customWidth="1"/>
    <col min="10529" max="10529" width="1.5" style="144" customWidth="1"/>
    <col min="10530" max="10532" width="3.25" style="144" customWidth="1"/>
    <col min="10533" max="10752" width="4" style="144"/>
    <col min="10753" max="10753" width="1.5" style="144" customWidth="1"/>
    <col min="10754" max="10764" width="3.25" style="144" customWidth="1"/>
    <col min="10765" max="10765" width="13" style="144" customWidth="1"/>
    <col min="10766" max="10766" width="4.125" style="144" bestFit="1" customWidth="1"/>
    <col min="10767" max="10784" width="3.25" style="144" customWidth="1"/>
    <col min="10785" max="10785" width="1.5" style="144" customWidth="1"/>
    <col min="10786" max="10788" width="3.25" style="144" customWidth="1"/>
    <col min="10789" max="11008" width="4" style="144"/>
    <col min="11009" max="11009" width="1.5" style="144" customWidth="1"/>
    <col min="11010" max="11020" width="3.25" style="144" customWidth="1"/>
    <col min="11021" max="11021" width="13" style="144" customWidth="1"/>
    <col min="11022" max="11022" width="4.125" style="144" bestFit="1" customWidth="1"/>
    <col min="11023" max="11040" width="3.25" style="144" customWidth="1"/>
    <col min="11041" max="11041" width="1.5" style="144" customWidth="1"/>
    <col min="11042" max="11044" width="3.25" style="144" customWidth="1"/>
    <col min="11045" max="11264" width="4" style="144"/>
    <col min="11265" max="11265" width="1.5" style="144" customWidth="1"/>
    <col min="11266" max="11276" width="3.25" style="144" customWidth="1"/>
    <col min="11277" max="11277" width="13" style="144" customWidth="1"/>
    <col min="11278" max="11278" width="4.125" style="144" bestFit="1" customWidth="1"/>
    <col min="11279" max="11296" width="3.25" style="144" customWidth="1"/>
    <col min="11297" max="11297" width="1.5" style="144" customWidth="1"/>
    <col min="11298" max="11300" width="3.25" style="144" customWidth="1"/>
    <col min="11301" max="11520" width="4" style="144"/>
    <col min="11521" max="11521" width="1.5" style="144" customWidth="1"/>
    <col min="11522" max="11532" width="3.25" style="144" customWidth="1"/>
    <col min="11533" max="11533" width="13" style="144" customWidth="1"/>
    <col min="11534" max="11534" width="4.125" style="144" bestFit="1" customWidth="1"/>
    <col min="11535" max="11552" width="3.25" style="144" customWidth="1"/>
    <col min="11553" max="11553" width="1.5" style="144" customWidth="1"/>
    <col min="11554" max="11556" width="3.25" style="144" customWidth="1"/>
    <col min="11557" max="11776" width="4" style="144"/>
    <col min="11777" max="11777" width="1.5" style="144" customWidth="1"/>
    <col min="11778" max="11788" width="3.25" style="144" customWidth="1"/>
    <col min="11789" max="11789" width="13" style="144" customWidth="1"/>
    <col min="11790" max="11790" width="4.125" style="144" bestFit="1" customWidth="1"/>
    <col min="11791" max="11808" width="3.25" style="144" customWidth="1"/>
    <col min="11809" max="11809" width="1.5" style="144" customWidth="1"/>
    <col min="11810" max="11812" width="3.25" style="144" customWidth="1"/>
    <col min="11813" max="12032" width="4" style="144"/>
    <col min="12033" max="12033" width="1.5" style="144" customWidth="1"/>
    <col min="12034" max="12044" width="3.25" style="144" customWidth="1"/>
    <col min="12045" max="12045" width="13" style="144" customWidth="1"/>
    <col min="12046" max="12046" width="4.125" style="144" bestFit="1" customWidth="1"/>
    <col min="12047" max="12064" width="3.25" style="144" customWidth="1"/>
    <col min="12065" max="12065" width="1.5" style="144" customWidth="1"/>
    <col min="12066" max="12068" width="3.25" style="144" customWidth="1"/>
    <col min="12069" max="12288" width="4" style="144"/>
    <col min="12289" max="12289" width="1.5" style="144" customWidth="1"/>
    <col min="12290" max="12300" width="3.25" style="144" customWidth="1"/>
    <col min="12301" max="12301" width="13" style="144" customWidth="1"/>
    <col min="12302" max="12302" width="4.125" style="144" bestFit="1" customWidth="1"/>
    <col min="12303" max="12320" width="3.25" style="144" customWidth="1"/>
    <col min="12321" max="12321" width="1.5" style="144" customWidth="1"/>
    <col min="12322" max="12324" width="3.25" style="144" customWidth="1"/>
    <col min="12325" max="12544" width="4" style="144"/>
    <col min="12545" max="12545" width="1.5" style="144" customWidth="1"/>
    <col min="12546" max="12556" width="3.25" style="144" customWidth="1"/>
    <col min="12557" max="12557" width="13" style="144" customWidth="1"/>
    <col min="12558" max="12558" width="4.125" style="144" bestFit="1" customWidth="1"/>
    <col min="12559" max="12576" width="3.25" style="144" customWidth="1"/>
    <col min="12577" max="12577" width="1.5" style="144" customWidth="1"/>
    <col min="12578" max="12580" width="3.25" style="144" customWidth="1"/>
    <col min="12581" max="12800" width="4" style="144"/>
    <col min="12801" max="12801" width="1.5" style="144" customWidth="1"/>
    <col min="12802" max="12812" width="3.25" style="144" customWidth="1"/>
    <col min="12813" max="12813" width="13" style="144" customWidth="1"/>
    <col min="12814" max="12814" width="4.125" style="144" bestFit="1" customWidth="1"/>
    <col min="12815" max="12832" width="3.25" style="144" customWidth="1"/>
    <col min="12833" max="12833" width="1.5" style="144" customWidth="1"/>
    <col min="12834" max="12836" width="3.25" style="144" customWidth="1"/>
    <col min="12837" max="13056" width="4" style="144"/>
    <col min="13057" max="13057" width="1.5" style="144" customWidth="1"/>
    <col min="13058" max="13068" width="3.25" style="144" customWidth="1"/>
    <col min="13069" max="13069" width="13" style="144" customWidth="1"/>
    <col min="13070" max="13070" width="4.125" style="144" bestFit="1" customWidth="1"/>
    <col min="13071" max="13088" width="3.25" style="144" customWidth="1"/>
    <col min="13089" max="13089" width="1.5" style="144" customWidth="1"/>
    <col min="13090" max="13092" width="3.25" style="144" customWidth="1"/>
    <col min="13093" max="13312" width="4" style="144"/>
    <col min="13313" max="13313" width="1.5" style="144" customWidth="1"/>
    <col min="13314" max="13324" width="3.25" style="144" customWidth="1"/>
    <col min="13325" max="13325" width="13" style="144" customWidth="1"/>
    <col min="13326" max="13326" width="4.125" style="144" bestFit="1" customWidth="1"/>
    <col min="13327" max="13344" width="3.25" style="144" customWidth="1"/>
    <col min="13345" max="13345" width="1.5" style="144" customWidth="1"/>
    <col min="13346" max="13348" width="3.25" style="144" customWidth="1"/>
    <col min="13349" max="13568" width="4" style="144"/>
    <col min="13569" max="13569" width="1.5" style="144" customWidth="1"/>
    <col min="13570" max="13580" width="3.25" style="144" customWidth="1"/>
    <col min="13581" max="13581" width="13" style="144" customWidth="1"/>
    <col min="13582" max="13582" width="4.125" style="144" bestFit="1" customWidth="1"/>
    <col min="13583" max="13600" width="3.25" style="144" customWidth="1"/>
    <col min="13601" max="13601" width="1.5" style="144" customWidth="1"/>
    <col min="13602" max="13604" width="3.25" style="144" customWidth="1"/>
    <col min="13605" max="13824" width="4" style="144"/>
    <col min="13825" max="13825" width="1.5" style="144" customWidth="1"/>
    <col min="13826" max="13836" width="3.25" style="144" customWidth="1"/>
    <col min="13837" max="13837" width="13" style="144" customWidth="1"/>
    <col min="13838" max="13838" width="4.125" style="144" bestFit="1" customWidth="1"/>
    <col min="13839" max="13856" width="3.25" style="144" customWidth="1"/>
    <col min="13857" max="13857" width="1.5" style="144" customWidth="1"/>
    <col min="13858" max="13860" width="3.25" style="144" customWidth="1"/>
    <col min="13861" max="14080" width="4" style="144"/>
    <col min="14081" max="14081" width="1.5" style="144" customWidth="1"/>
    <col min="14082" max="14092" width="3.25" style="144" customWidth="1"/>
    <col min="14093" max="14093" width="13" style="144" customWidth="1"/>
    <col min="14094" max="14094" width="4.125" style="144" bestFit="1" customWidth="1"/>
    <col min="14095" max="14112" width="3.25" style="144" customWidth="1"/>
    <col min="14113" max="14113" width="1.5" style="144" customWidth="1"/>
    <col min="14114" max="14116" width="3.25" style="144" customWidth="1"/>
    <col min="14117" max="14336" width="4" style="144"/>
    <col min="14337" max="14337" width="1.5" style="144" customWidth="1"/>
    <col min="14338" max="14348" width="3.25" style="144" customWidth="1"/>
    <col min="14349" max="14349" width="13" style="144" customWidth="1"/>
    <col min="14350" max="14350" width="4.125" style="144" bestFit="1" customWidth="1"/>
    <col min="14351" max="14368" width="3.25" style="144" customWidth="1"/>
    <col min="14369" max="14369" width="1.5" style="144" customWidth="1"/>
    <col min="14370" max="14372" width="3.25" style="144" customWidth="1"/>
    <col min="14373" max="14592" width="4" style="144"/>
    <col min="14593" max="14593" width="1.5" style="144" customWidth="1"/>
    <col min="14594" max="14604" width="3.25" style="144" customWidth="1"/>
    <col min="14605" max="14605" width="13" style="144" customWidth="1"/>
    <col min="14606" max="14606" width="4.125" style="144" bestFit="1" customWidth="1"/>
    <col min="14607" max="14624" width="3.25" style="144" customWidth="1"/>
    <col min="14625" max="14625" width="1.5" style="144" customWidth="1"/>
    <col min="14626" max="14628" width="3.25" style="144" customWidth="1"/>
    <col min="14629" max="14848" width="4" style="144"/>
    <col min="14849" max="14849" width="1.5" style="144" customWidth="1"/>
    <col min="14850" max="14860" width="3.25" style="144" customWidth="1"/>
    <col min="14861" max="14861" width="13" style="144" customWidth="1"/>
    <col min="14862" max="14862" width="4.125" style="144" bestFit="1" customWidth="1"/>
    <col min="14863" max="14880" width="3.25" style="144" customWidth="1"/>
    <col min="14881" max="14881" width="1.5" style="144" customWidth="1"/>
    <col min="14882" max="14884" width="3.25" style="144" customWidth="1"/>
    <col min="14885" max="15104" width="4" style="144"/>
    <col min="15105" max="15105" width="1.5" style="144" customWidth="1"/>
    <col min="15106" max="15116" width="3.25" style="144" customWidth="1"/>
    <col min="15117" max="15117" width="13" style="144" customWidth="1"/>
    <col min="15118" max="15118" width="4.125" style="144" bestFit="1" customWidth="1"/>
    <col min="15119" max="15136" width="3.25" style="144" customWidth="1"/>
    <col min="15137" max="15137" width="1.5" style="144" customWidth="1"/>
    <col min="15138" max="15140" width="3.25" style="144" customWidth="1"/>
    <col min="15141" max="15360" width="4" style="144"/>
    <col min="15361" max="15361" width="1.5" style="144" customWidth="1"/>
    <col min="15362" max="15372" width="3.25" style="144" customWidth="1"/>
    <col min="15373" max="15373" width="13" style="144" customWidth="1"/>
    <col min="15374" max="15374" width="4.125" style="144" bestFit="1" customWidth="1"/>
    <col min="15375" max="15392" width="3.25" style="144" customWidth="1"/>
    <col min="15393" max="15393" width="1.5" style="144" customWidth="1"/>
    <col min="15394" max="15396" width="3.25" style="144" customWidth="1"/>
    <col min="15397" max="15616" width="4" style="144"/>
    <col min="15617" max="15617" width="1.5" style="144" customWidth="1"/>
    <col min="15618" max="15628" width="3.25" style="144" customWidth="1"/>
    <col min="15629" max="15629" width="13" style="144" customWidth="1"/>
    <col min="15630" max="15630" width="4.125" style="144" bestFit="1" customWidth="1"/>
    <col min="15631" max="15648" width="3.25" style="144" customWidth="1"/>
    <col min="15649" max="15649" width="1.5" style="144" customWidth="1"/>
    <col min="15650" max="15652" width="3.25" style="144" customWidth="1"/>
    <col min="15653" max="15872" width="4" style="144"/>
    <col min="15873" max="15873" width="1.5" style="144" customWidth="1"/>
    <col min="15874" max="15884" width="3.25" style="144" customWidth="1"/>
    <col min="15885" max="15885" width="13" style="144" customWidth="1"/>
    <col min="15886" max="15886" width="4.125" style="144" bestFit="1" customWidth="1"/>
    <col min="15887" max="15904" width="3.25" style="144" customWidth="1"/>
    <col min="15905" max="15905" width="1.5" style="144" customWidth="1"/>
    <col min="15906" max="15908" width="3.25" style="144" customWidth="1"/>
    <col min="15909" max="16128" width="4" style="144"/>
    <col min="16129" max="16129" width="1.5" style="144" customWidth="1"/>
    <col min="16130" max="16140" width="3.25" style="144" customWidth="1"/>
    <col min="16141" max="16141" width="13" style="144" customWidth="1"/>
    <col min="16142" max="16142" width="4.125" style="144" bestFit="1" customWidth="1"/>
    <col min="16143" max="16160" width="3.25" style="144" customWidth="1"/>
    <col min="16161" max="16161" width="1.5" style="144" customWidth="1"/>
    <col min="16162" max="16164" width="3.25" style="144" customWidth="1"/>
    <col min="16165" max="16384" width="4" style="144"/>
  </cols>
  <sheetData>
    <row r="2" spans="1:33" x14ac:dyDescent="0.15">
      <c r="B2" s="144" t="s">
        <v>311</v>
      </c>
    </row>
    <row r="4" spans="1:33" x14ac:dyDescent="0.15">
      <c r="W4" s="145" t="s">
        <v>10</v>
      </c>
      <c r="X4" s="270"/>
      <c r="Y4" s="270"/>
      <c r="Z4" s="146" t="s">
        <v>9</v>
      </c>
      <c r="AA4" s="270"/>
      <c r="AB4" s="270"/>
      <c r="AC4" s="146" t="s">
        <v>8</v>
      </c>
      <c r="AD4" s="270"/>
      <c r="AE4" s="270"/>
      <c r="AF4" s="146" t="s">
        <v>96</v>
      </c>
    </row>
    <row r="5" spans="1:33" x14ac:dyDescent="0.15">
      <c r="B5" s="146"/>
      <c r="D5" s="146" t="s">
        <v>312</v>
      </c>
      <c r="F5" s="146"/>
      <c r="H5" s="146"/>
      <c r="I5" s="146"/>
      <c r="J5" s="146"/>
      <c r="K5" s="146"/>
    </row>
    <row r="6" spans="1:33" x14ac:dyDescent="0.15">
      <c r="B6" s="146"/>
      <c r="C6" s="146"/>
      <c r="D6" s="146"/>
      <c r="E6" s="146"/>
      <c r="F6" s="146"/>
      <c r="G6" s="146"/>
      <c r="H6" s="146"/>
      <c r="I6" s="146"/>
      <c r="J6" s="146"/>
      <c r="K6" s="146"/>
    </row>
    <row r="7" spans="1:33" x14ac:dyDescent="0.15">
      <c r="S7" s="145" t="s">
        <v>95</v>
      </c>
      <c r="T7" s="271"/>
      <c r="U7" s="271"/>
      <c r="V7" s="271"/>
      <c r="W7" s="271"/>
      <c r="X7" s="271"/>
      <c r="Y7" s="271"/>
      <c r="Z7" s="271"/>
      <c r="AA7" s="271"/>
      <c r="AB7" s="271"/>
      <c r="AC7" s="271"/>
      <c r="AD7" s="271"/>
      <c r="AE7" s="271"/>
      <c r="AF7" s="271"/>
    </row>
    <row r="9" spans="1:33" x14ac:dyDescent="0.15">
      <c r="B9" s="250" t="s">
        <v>94</v>
      </c>
      <c r="C9" s="250"/>
      <c r="D9" s="250"/>
      <c r="E9" s="250"/>
      <c r="F9" s="250"/>
      <c r="G9" s="250"/>
      <c r="H9" s="250"/>
      <c r="I9" s="250"/>
      <c r="J9" s="250"/>
      <c r="K9" s="250"/>
      <c r="L9" s="250"/>
      <c r="M9" s="250"/>
      <c r="N9" s="250"/>
      <c r="O9" s="250"/>
      <c r="P9" s="250"/>
      <c r="Q9" s="250"/>
      <c r="R9" s="250"/>
      <c r="S9" s="250"/>
      <c r="T9" s="250"/>
      <c r="U9" s="250"/>
      <c r="V9" s="250"/>
      <c r="W9" s="250"/>
      <c r="X9" s="250"/>
      <c r="Y9" s="250"/>
      <c r="Z9" s="250"/>
      <c r="AA9" s="250"/>
      <c r="AB9" s="250"/>
      <c r="AC9" s="250"/>
      <c r="AD9" s="250"/>
      <c r="AE9" s="250"/>
      <c r="AF9" s="250"/>
    </row>
    <row r="10" spans="1:33" x14ac:dyDescent="0.15">
      <c r="B10" s="250"/>
      <c r="C10" s="250"/>
      <c r="D10" s="250"/>
      <c r="E10" s="250"/>
      <c r="F10" s="250"/>
      <c r="G10" s="250"/>
      <c r="H10" s="250"/>
      <c r="I10" s="250"/>
      <c r="J10" s="250"/>
      <c r="K10" s="250"/>
      <c r="L10" s="250"/>
      <c r="M10" s="250"/>
      <c r="N10" s="250"/>
      <c r="O10" s="250"/>
      <c r="P10" s="250"/>
      <c r="Q10" s="250"/>
      <c r="R10" s="250"/>
      <c r="S10" s="250"/>
      <c r="T10" s="250"/>
      <c r="U10" s="250"/>
      <c r="V10" s="250"/>
      <c r="W10" s="250"/>
      <c r="X10" s="250"/>
      <c r="Y10" s="250"/>
      <c r="Z10" s="250"/>
      <c r="AA10" s="250"/>
      <c r="AB10" s="250"/>
      <c r="AC10" s="250"/>
      <c r="AD10" s="250"/>
      <c r="AE10" s="250"/>
      <c r="AF10" s="250"/>
    </row>
    <row r="11" spans="1:33" x14ac:dyDescent="0.15">
      <c r="B11" s="147"/>
      <c r="C11" s="147"/>
      <c r="D11" s="147"/>
      <c r="E11" s="147"/>
      <c r="F11" s="147"/>
      <c r="G11" s="147"/>
      <c r="H11" s="147"/>
      <c r="I11" s="147"/>
      <c r="J11" s="147"/>
      <c r="K11" s="147"/>
      <c r="L11" s="147"/>
      <c r="M11" s="147"/>
      <c r="N11" s="147"/>
      <c r="O11" s="147"/>
      <c r="P11" s="147"/>
      <c r="Q11" s="147"/>
      <c r="R11" s="147"/>
      <c r="S11" s="147"/>
      <c r="T11" s="147"/>
      <c r="U11" s="147"/>
      <c r="V11" s="147"/>
      <c r="W11" s="147"/>
      <c r="X11" s="147"/>
      <c r="Y11" s="147"/>
      <c r="Z11" s="147"/>
      <c r="AA11" s="147"/>
    </row>
    <row r="12" spans="1:33" x14ac:dyDescent="0.15">
      <c r="A12" s="144" t="s">
        <v>93</v>
      </c>
    </row>
    <row r="13" spans="1:33" ht="36" customHeight="1" x14ac:dyDescent="0.15"/>
    <row r="14" spans="1:33" ht="13.5" customHeight="1" x14ac:dyDescent="0.15">
      <c r="R14" s="267" t="s">
        <v>92</v>
      </c>
      <c r="S14" s="268"/>
      <c r="T14" s="268"/>
      <c r="U14" s="268"/>
      <c r="V14" s="269"/>
      <c r="W14" s="148"/>
      <c r="X14" s="149"/>
      <c r="Y14" s="149"/>
      <c r="Z14" s="149"/>
      <c r="AA14" s="149"/>
      <c r="AB14" s="149"/>
      <c r="AC14" s="149"/>
      <c r="AD14" s="149"/>
      <c r="AE14" s="149"/>
      <c r="AF14" s="150"/>
    </row>
    <row r="15" spans="1:33" s="151" customFormat="1" ht="34.5" customHeight="1" x14ac:dyDescent="0.15">
      <c r="A15" s="144"/>
      <c r="B15" s="144"/>
      <c r="C15" s="144"/>
      <c r="D15" s="144"/>
      <c r="E15" s="144"/>
      <c r="F15" s="144"/>
      <c r="G15" s="144"/>
      <c r="H15" s="144"/>
      <c r="I15" s="144"/>
      <c r="J15" s="144"/>
      <c r="K15" s="144"/>
      <c r="L15" s="144"/>
      <c r="M15" s="144"/>
      <c r="N15" s="144"/>
      <c r="O15" s="144"/>
      <c r="P15" s="144"/>
      <c r="Q15" s="144"/>
      <c r="R15" s="144"/>
      <c r="S15" s="144"/>
      <c r="T15" s="144"/>
      <c r="U15" s="144"/>
      <c r="V15" s="144"/>
      <c r="W15" s="144"/>
      <c r="X15" s="144"/>
      <c r="Y15" s="144"/>
      <c r="Z15" s="144"/>
      <c r="AA15" s="144"/>
      <c r="AB15" s="144"/>
      <c r="AC15" s="144"/>
      <c r="AD15" s="144"/>
      <c r="AE15" s="144"/>
      <c r="AF15" s="144"/>
      <c r="AG15" s="144"/>
    </row>
    <row r="16" spans="1:33" s="151" customFormat="1" x14ac:dyDescent="0.15">
      <c r="B16" s="267" t="s">
        <v>91</v>
      </c>
      <c r="C16" s="268"/>
      <c r="D16" s="268"/>
      <c r="E16" s="268"/>
      <c r="F16" s="268"/>
      <c r="G16" s="268"/>
      <c r="H16" s="268"/>
      <c r="I16" s="268"/>
      <c r="J16" s="268"/>
      <c r="K16" s="268"/>
      <c r="L16" s="269"/>
      <c r="M16" s="268" t="s">
        <v>90</v>
      </c>
      <c r="N16" s="269"/>
      <c r="O16" s="267" t="s">
        <v>89</v>
      </c>
      <c r="P16" s="268"/>
      <c r="Q16" s="268"/>
      <c r="R16" s="268"/>
      <c r="S16" s="268"/>
      <c r="T16" s="268"/>
      <c r="U16" s="268"/>
      <c r="V16" s="268"/>
      <c r="W16" s="268"/>
      <c r="X16" s="268"/>
      <c r="Y16" s="268"/>
      <c r="Z16" s="268"/>
      <c r="AA16" s="268"/>
      <c r="AB16" s="268"/>
      <c r="AC16" s="268"/>
      <c r="AD16" s="268"/>
      <c r="AE16" s="268"/>
      <c r="AF16" s="269"/>
    </row>
    <row r="17" spans="2:32" s="151" customFormat="1" x14ac:dyDescent="0.15">
      <c r="B17" s="230" t="s">
        <v>7</v>
      </c>
      <c r="C17" s="231"/>
      <c r="D17" s="231"/>
      <c r="E17" s="231"/>
      <c r="F17" s="231"/>
      <c r="G17" s="231"/>
      <c r="H17" s="231"/>
      <c r="I17" s="231"/>
      <c r="J17" s="231"/>
      <c r="K17" s="231"/>
      <c r="L17" s="232"/>
      <c r="M17" s="152"/>
      <c r="N17" s="153" t="s">
        <v>83</v>
      </c>
      <c r="O17" s="239"/>
      <c r="P17" s="240"/>
      <c r="Q17" s="240"/>
      <c r="R17" s="240"/>
      <c r="S17" s="240"/>
      <c r="T17" s="240"/>
      <c r="U17" s="240"/>
      <c r="V17" s="240"/>
      <c r="W17" s="240"/>
      <c r="X17" s="240"/>
      <c r="Y17" s="240"/>
      <c r="Z17" s="240"/>
      <c r="AA17" s="240"/>
      <c r="AB17" s="240"/>
      <c r="AC17" s="240"/>
      <c r="AD17" s="240"/>
      <c r="AE17" s="240"/>
      <c r="AF17" s="241"/>
    </row>
    <row r="18" spans="2:32" s="151" customFormat="1" x14ac:dyDescent="0.15">
      <c r="B18" s="233"/>
      <c r="C18" s="234"/>
      <c r="D18" s="234"/>
      <c r="E18" s="234"/>
      <c r="F18" s="234"/>
      <c r="G18" s="234"/>
      <c r="H18" s="234"/>
      <c r="I18" s="234"/>
      <c r="J18" s="234"/>
      <c r="K18" s="234"/>
      <c r="L18" s="235"/>
      <c r="M18" s="154"/>
      <c r="N18" s="155" t="s">
        <v>83</v>
      </c>
      <c r="O18" s="239"/>
      <c r="P18" s="240"/>
      <c r="Q18" s="240"/>
      <c r="R18" s="240"/>
      <c r="S18" s="240"/>
      <c r="T18" s="240"/>
      <c r="U18" s="240"/>
      <c r="V18" s="240"/>
      <c r="W18" s="240"/>
      <c r="X18" s="240"/>
      <c r="Y18" s="240"/>
      <c r="Z18" s="240"/>
      <c r="AA18" s="240"/>
      <c r="AB18" s="240"/>
      <c r="AC18" s="240"/>
      <c r="AD18" s="240"/>
      <c r="AE18" s="240"/>
      <c r="AF18" s="241"/>
    </row>
    <row r="19" spans="2:32" s="151" customFormat="1" x14ac:dyDescent="0.15">
      <c r="B19" s="236"/>
      <c r="C19" s="237"/>
      <c r="D19" s="237"/>
      <c r="E19" s="237"/>
      <c r="F19" s="237"/>
      <c r="G19" s="237"/>
      <c r="H19" s="237"/>
      <c r="I19" s="237"/>
      <c r="J19" s="237"/>
      <c r="K19" s="237"/>
      <c r="L19" s="238"/>
      <c r="M19" s="154"/>
      <c r="N19" s="155" t="s">
        <v>83</v>
      </c>
      <c r="O19" s="239"/>
      <c r="P19" s="240"/>
      <c r="Q19" s="240"/>
      <c r="R19" s="240"/>
      <c r="S19" s="240"/>
      <c r="T19" s="240"/>
      <c r="U19" s="240"/>
      <c r="V19" s="240"/>
      <c r="W19" s="240"/>
      <c r="X19" s="240"/>
      <c r="Y19" s="240"/>
      <c r="Z19" s="240"/>
      <c r="AA19" s="240"/>
      <c r="AB19" s="240"/>
      <c r="AC19" s="240"/>
      <c r="AD19" s="240"/>
      <c r="AE19" s="240"/>
      <c r="AF19" s="241"/>
    </row>
    <row r="20" spans="2:32" s="151" customFormat="1" x14ac:dyDescent="0.15">
      <c r="B20" s="230" t="s">
        <v>6</v>
      </c>
      <c r="C20" s="231"/>
      <c r="D20" s="231"/>
      <c r="E20" s="231"/>
      <c r="F20" s="231"/>
      <c r="G20" s="231"/>
      <c r="H20" s="231"/>
      <c r="I20" s="231"/>
      <c r="J20" s="231"/>
      <c r="K20" s="231"/>
      <c r="L20" s="232"/>
      <c r="M20" s="154"/>
      <c r="N20" s="156" t="s">
        <v>83</v>
      </c>
      <c r="O20" s="239"/>
      <c r="P20" s="240"/>
      <c r="Q20" s="240"/>
      <c r="R20" s="240"/>
      <c r="S20" s="240"/>
      <c r="T20" s="240"/>
      <c r="U20" s="240"/>
      <c r="V20" s="240"/>
      <c r="W20" s="240"/>
      <c r="X20" s="240"/>
      <c r="Y20" s="240"/>
      <c r="Z20" s="240"/>
      <c r="AA20" s="240"/>
      <c r="AB20" s="240"/>
      <c r="AC20" s="240"/>
      <c r="AD20" s="240"/>
      <c r="AE20" s="240"/>
      <c r="AF20" s="241"/>
    </row>
    <row r="21" spans="2:32" s="151" customFormat="1" x14ac:dyDescent="0.15">
      <c r="B21" s="233"/>
      <c r="C21" s="234"/>
      <c r="D21" s="234"/>
      <c r="E21" s="234"/>
      <c r="F21" s="234"/>
      <c r="G21" s="234"/>
      <c r="H21" s="234"/>
      <c r="I21" s="234"/>
      <c r="J21" s="234"/>
      <c r="K21" s="234"/>
      <c r="L21" s="235"/>
      <c r="M21" s="154"/>
      <c r="N21" s="156" t="s">
        <v>83</v>
      </c>
      <c r="O21" s="239"/>
      <c r="P21" s="240"/>
      <c r="Q21" s="240"/>
      <c r="R21" s="240"/>
      <c r="S21" s="240"/>
      <c r="T21" s="240"/>
      <c r="U21" s="240"/>
      <c r="V21" s="240"/>
      <c r="W21" s="240"/>
      <c r="X21" s="240"/>
      <c r="Y21" s="240"/>
      <c r="Z21" s="240"/>
      <c r="AA21" s="240"/>
      <c r="AB21" s="240"/>
      <c r="AC21" s="240"/>
      <c r="AD21" s="240"/>
      <c r="AE21" s="240"/>
      <c r="AF21" s="241"/>
    </row>
    <row r="22" spans="2:32" s="151" customFormat="1" x14ac:dyDescent="0.15">
      <c r="B22" s="236"/>
      <c r="C22" s="237"/>
      <c r="D22" s="237"/>
      <c r="E22" s="237"/>
      <c r="F22" s="237"/>
      <c r="G22" s="237"/>
      <c r="H22" s="237"/>
      <c r="I22" s="237"/>
      <c r="J22" s="237"/>
      <c r="K22" s="237"/>
      <c r="L22" s="238"/>
      <c r="M22" s="157"/>
      <c r="N22" s="158" t="s">
        <v>83</v>
      </c>
      <c r="O22" s="239"/>
      <c r="P22" s="240"/>
      <c r="Q22" s="240"/>
      <c r="R22" s="240"/>
      <c r="S22" s="240"/>
      <c r="T22" s="240"/>
      <c r="U22" s="240"/>
      <c r="V22" s="240"/>
      <c r="W22" s="240"/>
      <c r="X22" s="240"/>
      <c r="Y22" s="240"/>
      <c r="Z22" s="240"/>
      <c r="AA22" s="240"/>
      <c r="AB22" s="240"/>
      <c r="AC22" s="240"/>
      <c r="AD22" s="240"/>
      <c r="AE22" s="240"/>
      <c r="AF22" s="241"/>
    </row>
    <row r="23" spans="2:32" s="151" customFormat="1" x14ac:dyDescent="0.15">
      <c r="B23" s="230" t="s">
        <v>5</v>
      </c>
      <c r="C23" s="231"/>
      <c r="D23" s="231"/>
      <c r="E23" s="231"/>
      <c r="F23" s="231"/>
      <c r="G23" s="231"/>
      <c r="H23" s="231"/>
      <c r="I23" s="231"/>
      <c r="J23" s="231"/>
      <c r="K23" s="231"/>
      <c r="L23" s="232"/>
      <c r="M23" s="154"/>
      <c r="N23" s="156" t="s">
        <v>83</v>
      </c>
      <c r="O23" s="239"/>
      <c r="P23" s="240"/>
      <c r="Q23" s="240"/>
      <c r="R23" s="240"/>
      <c r="S23" s="240"/>
      <c r="T23" s="240"/>
      <c r="U23" s="240"/>
      <c r="V23" s="240"/>
      <c r="W23" s="240"/>
      <c r="X23" s="240"/>
      <c r="Y23" s="240"/>
      <c r="Z23" s="240"/>
      <c r="AA23" s="240"/>
      <c r="AB23" s="240"/>
      <c r="AC23" s="240"/>
      <c r="AD23" s="240"/>
      <c r="AE23" s="240"/>
      <c r="AF23" s="241"/>
    </row>
    <row r="24" spans="2:32" s="151" customFormat="1" x14ac:dyDescent="0.15">
      <c r="B24" s="233"/>
      <c r="C24" s="234"/>
      <c r="D24" s="234"/>
      <c r="E24" s="234"/>
      <c r="F24" s="234"/>
      <c r="G24" s="234"/>
      <c r="H24" s="234"/>
      <c r="I24" s="234"/>
      <c r="J24" s="234"/>
      <c r="K24" s="234"/>
      <c r="L24" s="235"/>
      <c r="M24" s="154"/>
      <c r="N24" s="156" t="s">
        <v>83</v>
      </c>
      <c r="O24" s="239"/>
      <c r="P24" s="240"/>
      <c r="Q24" s="240"/>
      <c r="R24" s="240"/>
      <c r="S24" s="240"/>
      <c r="T24" s="240"/>
      <c r="U24" s="240"/>
      <c r="V24" s="240"/>
      <c r="W24" s="240"/>
      <c r="X24" s="240"/>
      <c r="Y24" s="240"/>
      <c r="Z24" s="240"/>
      <c r="AA24" s="240"/>
      <c r="AB24" s="240"/>
      <c r="AC24" s="240"/>
      <c r="AD24" s="240"/>
      <c r="AE24" s="240"/>
      <c r="AF24" s="241"/>
    </row>
    <row r="25" spans="2:32" s="151" customFormat="1" x14ac:dyDescent="0.15">
      <c r="B25" s="236"/>
      <c r="C25" s="237"/>
      <c r="D25" s="237"/>
      <c r="E25" s="237"/>
      <c r="F25" s="237"/>
      <c r="G25" s="237"/>
      <c r="H25" s="237"/>
      <c r="I25" s="237"/>
      <c r="J25" s="237"/>
      <c r="K25" s="237"/>
      <c r="L25" s="238"/>
      <c r="M25" s="157"/>
      <c r="N25" s="158" t="s">
        <v>83</v>
      </c>
      <c r="O25" s="239"/>
      <c r="P25" s="240"/>
      <c r="Q25" s="240"/>
      <c r="R25" s="240"/>
      <c r="S25" s="240"/>
      <c r="T25" s="240"/>
      <c r="U25" s="240"/>
      <c r="V25" s="240"/>
      <c r="W25" s="240"/>
      <c r="X25" s="240"/>
      <c r="Y25" s="240"/>
      <c r="Z25" s="240"/>
      <c r="AA25" s="240"/>
      <c r="AB25" s="240"/>
      <c r="AC25" s="240"/>
      <c r="AD25" s="240"/>
      <c r="AE25" s="240"/>
      <c r="AF25" s="241"/>
    </row>
    <row r="26" spans="2:32" s="151" customFormat="1" x14ac:dyDescent="0.15">
      <c r="B26" s="230" t="s">
        <v>1</v>
      </c>
      <c r="C26" s="231"/>
      <c r="D26" s="231"/>
      <c r="E26" s="231"/>
      <c r="F26" s="231"/>
      <c r="G26" s="231"/>
      <c r="H26" s="231"/>
      <c r="I26" s="231"/>
      <c r="J26" s="231"/>
      <c r="K26" s="231"/>
      <c r="L26" s="232"/>
      <c r="M26" s="154"/>
      <c r="N26" s="156" t="s">
        <v>83</v>
      </c>
      <c r="O26" s="239"/>
      <c r="P26" s="240"/>
      <c r="Q26" s="240"/>
      <c r="R26" s="240"/>
      <c r="S26" s="240"/>
      <c r="T26" s="240"/>
      <c r="U26" s="240"/>
      <c r="V26" s="240"/>
      <c r="W26" s="240"/>
      <c r="X26" s="240"/>
      <c r="Y26" s="240"/>
      <c r="Z26" s="240"/>
      <c r="AA26" s="240"/>
      <c r="AB26" s="240"/>
      <c r="AC26" s="240"/>
      <c r="AD26" s="240"/>
      <c r="AE26" s="240"/>
      <c r="AF26" s="241"/>
    </row>
    <row r="27" spans="2:32" s="151" customFormat="1" x14ac:dyDescent="0.15">
      <c r="B27" s="249"/>
      <c r="C27" s="250"/>
      <c r="D27" s="250"/>
      <c r="E27" s="250"/>
      <c r="F27" s="250"/>
      <c r="G27" s="250"/>
      <c r="H27" s="250"/>
      <c r="I27" s="250"/>
      <c r="J27" s="250"/>
      <c r="K27" s="250"/>
      <c r="L27" s="251"/>
      <c r="M27" s="154"/>
      <c r="N27" s="156" t="s">
        <v>83</v>
      </c>
      <c r="O27" s="239"/>
      <c r="P27" s="240"/>
      <c r="Q27" s="240"/>
      <c r="R27" s="240"/>
      <c r="S27" s="240"/>
      <c r="T27" s="240"/>
      <c r="U27" s="240"/>
      <c r="V27" s="240"/>
      <c r="W27" s="240"/>
      <c r="X27" s="240"/>
      <c r="Y27" s="240"/>
      <c r="Z27" s="240"/>
      <c r="AA27" s="240"/>
      <c r="AB27" s="240"/>
      <c r="AC27" s="240"/>
      <c r="AD27" s="240"/>
      <c r="AE27" s="240"/>
      <c r="AF27" s="241"/>
    </row>
    <row r="28" spans="2:32" s="151" customFormat="1" x14ac:dyDescent="0.15">
      <c r="B28" s="252"/>
      <c r="C28" s="253"/>
      <c r="D28" s="253"/>
      <c r="E28" s="253"/>
      <c r="F28" s="253"/>
      <c r="G28" s="253"/>
      <c r="H28" s="253"/>
      <c r="I28" s="253"/>
      <c r="J28" s="253"/>
      <c r="K28" s="253"/>
      <c r="L28" s="254"/>
      <c r="M28" s="157"/>
      <c r="N28" s="158" t="s">
        <v>83</v>
      </c>
      <c r="O28" s="239"/>
      <c r="P28" s="240"/>
      <c r="Q28" s="240"/>
      <c r="R28" s="240"/>
      <c r="S28" s="240"/>
      <c r="T28" s="240"/>
      <c r="U28" s="240"/>
      <c r="V28" s="240"/>
      <c r="W28" s="240"/>
      <c r="X28" s="240"/>
      <c r="Y28" s="240"/>
      <c r="Z28" s="240"/>
      <c r="AA28" s="240"/>
      <c r="AB28" s="240"/>
      <c r="AC28" s="240"/>
      <c r="AD28" s="240"/>
      <c r="AE28" s="240"/>
      <c r="AF28" s="241"/>
    </row>
    <row r="29" spans="2:32" s="151" customFormat="1" x14ac:dyDescent="0.15">
      <c r="B29" s="230" t="s">
        <v>4</v>
      </c>
      <c r="C29" s="231"/>
      <c r="D29" s="231"/>
      <c r="E29" s="231"/>
      <c r="F29" s="231"/>
      <c r="G29" s="231"/>
      <c r="H29" s="231"/>
      <c r="I29" s="231"/>
      <c r="J29" s="231"/>
      <c r="K29" s="231"/>
      <c r="L29" s="232"/>
      <c r="M29" s="154"/>
      <c r="N29" s="156" t="s">
        <v>83</v>
      </c>
      <c r="O29" s="239"/>
      <c r="P29" s="240"/>
      <c r="Q29" s="240"/>
      <c r="R29" s="240"/>
      <c r="S29" s="240"/>
      <c r="T29" s="240"/>
      <c r="U29" s="240"/>
      <c r="V29" s="240"/>
      <c r="W29" s="240"/>
      <c r="X29" s="240"/>
      <c r="Y29" s="240"/>
      <c r="Z29" s="240"/>
      <c r="AA29" s="240"/>
      <c r="AB29" s="240"/>
      <c r="AC29" s="240"/>
      <c r="AD29" s="240"/>
      <c r="AE29" s="240"/>
      <c r="AF29" s="241"/>
    </row>
    <row r="30" spans="2:32" s="151" customFormat="1" x14ac:dyDescent="0.15">
      <c r="B30" s="233"/>
      <c r="C30" s="234"/>
      <c r="D30" s="234"/>
      <c r="E30" s="234"/>
      <c r="F30" s="234"/>
      <c r="G30" s="234"/>
      <c r="H30" s="234"/>
      <c r="I30" s="234"/>
      <c r="J30" s="234"/>
      <c r="K30" s="234"/>
      <c r="L30" s="235"/>
      <c r="M30" s="154"/>
      <c r="N30" s="156" t="s">
        <v>83</v>
      </c>
      <c r="O30" s="239"/>
      <c r="P30" s="240"/>
      <c r="Q30" s="240"/>
      <c r="R30" s="240"/>
      <c r="S30" s="240"/>
      <c r="T30" s="240"/>
      <c r="U30" s="240"/>
      <c r="V30" s="240"/>
      <c r="W30" s="240"/>
      <c r="X30" s="240"/>
      <c r="Y30" s="240"/>
      <c r="Z30" s="240"/>
      <c r="AA30" s="240"/>
      <c r="AB30" s="240"/>
      <c r="AC30" s="240"/>
      <c r="AD30" s="240"/>
      <c r="AE30" s="240"/>
      <c r="AF30" s="241"/>
    </row>
    <row r="31" spans="2:32" s="151" customFormat="1" x14ac:dyDescent="0.15">
      <c r="B31" s="236"/>
      <c r="C31" s="237"/>
      <c r="D31" s="237"/>
      <c r="E31" s="237"/>
      <c r="F31" s="237"/>
      <c r="G31" s="237"/>
      <c r="H31" s="237"/>
      <c r="I31" s="237"/>
      <c r="J31" s="237"/>
      <c r="K31" s="237"/>
      <c r="L31" s="238"/>
      <c r="M31" s="157"/>
      <c r="N31" s="158" t="s">
        <v>83</v>
      </c>
      <c r="O31" s="239"/>
      <c r="P31" s="240"/>
      <c r="Q31" s="240"/>
      <c r="R31" s="240"/>
      <c r="S31" s="240"/>
      <c r="T31" s="240"/>
      <c r="U31" s="240"/>
      <c r="V31" s="240"/>
      <c r="W31" s="240"/>
      <c r="X31" s="240"/>
      <c r="Y31" s="240"/>
      <c r="Z31" s="240"/>
      <c r="AA31" s="240"/>
      <c r="AB31" s="240"/>
      <c r="AC31" s="240"/>
      <c r="AD31" s="240"/>
      <c r="AE31" s="240"/>
      <c r="AF31" s="241"/>
    </row>
    <row r="32" spans="2:32" s="151" customFormat="1" x14ac:dyDescent="0.15">
      <c r="B32" s="230" t="s">
        <v>88</v>
      </c>
      <c r="C32" s="231"/>
      <c r="D32" s="231"/>
      <c r="E32" s="231"/>
      <c r="F32" s="231"/>
      <c r="G32" s="231"/>
      <c r="H32" s="231"/>
      <c r="I32" s="231"/>
      <c r="J32" s="231"/>
      <c r="K32" s="231"/>
      <c r="L32" s="232"/>
      <c r="M32" s="154"/>
      <c r="N32" s="156" t="s">
        <v>83</v>
      </c>
      <c r="O32" s="239"/>
      <c r="P32" s="240"/>
      <c r="Q32" s="240"/>
      <c r="R32" s="240"/>
      <c r="S32" s="240"/>
      <c r="T32" s="240"/>
      <c r="U32" s="240"/>
      <c r="V32" s="240"/>
      <c r="W32" s="240"/>
      <c r="X32" s="240"/>
      <c r="Y32" s="240"/>
      <c r="Z32" s="240"/>
      <c r="AA32" s="240"/>
      <c r="AB32" s="240"/>
      <c r="AC32" s="240"/>
      <c r="AD32" s="240"/>
      <c r="AE32" s="240"/>
      <c r="AF32" s="241"/>
    </row>
    <row r="33" spans="1:33" s="151" customFormat="1" x14ac:dyDescent="0.15">
      <c r="B33" s="249"/>
      <c r="C33" s="250"/>
      <c r="D33" s="250"/>
      <c r="E33" s="250"/>
      <c r="F33" s="250"/>
      <c r="G33" s="250"/>
      <c r="H33" s="250"/>
      <c r="I33" s="250"/>
      <c r="J33" s="250"/>
      <c r="K33" s="250"/>
      <c r="L33" s="251"/>
      <c r="M33" s="154"/>
      <c r="N33" s="156" t="s">
        <v>83</v>
      </c>
      <c r="O33" s="239"/>
      <c r="P33" s="240"/>
      <c r="Q33" s="240"/>
      <c r="R33" s="240"/>
      <c r="S33" s="240"/>
      <c r="T33" s="240"/>
      <c r="U33" s="240"/>
      <c r="V33" s="240"/>
      <c r="W33" s="240"/>
      <c r="X33" s="240"/>
      <c r="Y33" s="240"/>
      <c r="Z33" s="240"/>
      <c r="AA33" s="240"/>
      <c r="AB33" s="240"/>
      <c r="AC33" s="240"/>
      <c r="AD33" s="240"/>
      <c r="AE33" s="240"/>
      <c r="AF33" s="241"/>
    </row>
    <row r="34" spans="1:33" s="151" customFormat="1" x14ac:dyDescent="0.15">
      <c r="B34" s="252"/>
      <c r="C34" s="253"/>
      <c r="D34" s="253"/>
      <c r="E34" s="253"/>
      <c r="F34" s="253"/>
      <c r="G34" s="253"/>
      <c r="H34" s="253"/>
      <c r="I34" s="253"/>
      <c r="J34" s="253"/>
      <c r="K34" s="253"/>
      <c r="L34" s="254"/>
      <c r="M34" s="157"/>
      <c r="N34" s="158" t="s">
        <v>83</v>
      </c>
      <c r="O34" s="239"/>
      <c r="P34" s="240"/>
      <c r="Q34" s="240"/>
      <c r="R34" s="240"/>
      <c r="S34" s="240"/>
      <c r="T34" s="240"/>
      <c r="U34" s="240"/>
      <c r="V34" s="240"/>
      <c r="W34" s="240"/>
      <c r="X34" s="240"/>
      <c r="Y34" s="240"/>
      <c r="Z34" s="240"/>
      <c r="AA34" s="240"/>
      <c r="AB34" s="240"/>
      <c r="AC34" s="240"/>
      <c r="AD34" s="240"/>
      <c r="AE34" s="240"/>
      <c r="AF34" s="241"/>
    </row>
    <row r="35" spans="1:33" s="151" customFormat="1" x14ac:dyDescent="0.15">
      <c r="B35" s="230" t="s">
        <v>87</v>
      </c>
      <c r="C35" s="231"/>
      <c r="D35" s="231"/>
      <c r="E35" s="231"/>
      <c r="F35" s="231"/>
      <c r="G35" s="231"/>
      <c r="H35" s="231"/>
      <c r="I35" s="231"/>
      <c r="J35" s="231"/>
      <c r="K35" s="231"/>
      <c r="L35" s="232"/>
      <c r="M35" s="154"/>
      <c r="N35" s="156" t="s">
        <v>83</v>
      </c>
      <c r="O35" s="239"/>
      <c r="P35" s="240"/>
      <c r="Q35" s="240"/>
      <c r="R35" s="240"/>
      <c r="S35" s="240"/>
      <c r="T35" s="240"/>
      <c r="U35" s="240"/>
      <c r="V35" s="240"/>
      <c r="W35" s="240"/>
      <c r="X35" s="240"/>
      <c r="Y35" s="240"/>
      <c r="Z35" s="240"/>
      <c r="AA35" s="240"/>
      <c r="AB35" s="240"/>
      <c r="AC35" s="240"/>
      <c r="AD35" s="240"/>
      <c r="AE35" s="240"/>
      <c r="AF35" s="241"/>
    </row>
    <row r="36" spans="1:33" s="151" customFormat="1" x14ac:dyDescent="0.15">
      <c r="B36" s="249"/>
      <c r="C36" s="250"/>
      <c r="D36" s="250"/>
      <c r="E36" s="250"/>
      <c r="F36" s="250"/>
      <c r="G36" s="250"/>
      <c r="H36" s="250"/>
      <c r="I36" s="250"/>
      <c r="J36" s="250"/>
      <c r="K36" s="250"/>
      <c r="L36" s="251"/>
      <c r="M36" s="154"/>
      <c r="N36" s="156" t="s">
        <v>83</v>
      </c>
      <c r="O36" s="239"/>
      <c r="P36" s="240"/>
      <c r="Q36" s="240"/>
      <c r="R36" s="240"/>
      <c r="S36" s="240"/>
      <c r="T36" s="240"/>
      <c r="U36" s="240"/>
      <c r="V36" s="240"/>
      <c r="W36" s="240"/>
      <c r="X36" s="240"/>
      <c r="Y36" s="240"/>
      <c r="Z36" s="240"/>
      <c r="AA36" s="240"/>
      <c r="AB36" s="240"/>
      <c r="AC36" s="240"/>
      <c r="AD36" s="240"/>
      <c r="AE36" s="240"/>
      <c r="AF36" s="241"/>
    </row>
    <row r="37" spans="1:33" s="151" customFormat="1" x14ac:dyDescent="0.15">
      <c r="B37" s="252"/>
      <c r="C37" s="253"/>
      <c r="D37" s="253"/>
      <c r="E37" s="253"/>
      <c r="F37" s="253"/>
      <c r="G37" s="253"/>
      <c r="H37" s="253"/>
      <c r="I37" s="253"/>
      <c r="J37" s="253"/>
      <c r="K37" s="253"/>
      <c r="L37" s="254"/>
      <c r="M37" s="157"/>
      <c r="N37" s="158" t="s">
        <v>83</v>
      </c>
      <c r="O37" s="239"/>
      <c r="P37" s="240"/>
      <c r="Q37" s="240"/>
      <c r="R37" s="240"/>
      <c r="S37" s="240"/>
      <c r="T37" s="240"/>
      <c r="U37" s="240"/>
      <c r="V37" s="240"/>
      <c r="W37" s="240"/>
      <c r="X37" s="240"/>
      <c r="Y37" s="240"/>
      <c r="Z37" s="240"/>
      <c r="AA37" s="240"/>
      <c r="AB37" s="240"/>
      <c r="AC37" s="240"/>
      <c r="AD37" s="240"/>
      <c r="AE37" s="240"/>
      <c r="AF37" s="241"/>
    </row>
    <row r="38" spans="1:33" s="151" customFormat="1" x14ac:dyDescent="0.15">
      <c r="B38" s="258" t="s">
        <v>3</v>
      </c>
      <c r="C38" s="259"/>
      <c r="D38" s="259"/>
      <c r="E38" s="259"/>
      <c r="F38" s="259"/>
      <c r="G38" s="259"/>
      <c r="H38" s="259"/>
      <c r="I38" s="259"/>
      <c r="J38" s="259"/>
      <c r="K38" s="259"/>
      <c r="L38" s="260"/>
      <c r="M38" s="154"/>
      <c r="N38" s="156" t="s">
        <v>83</v>
      </c>
      <c r="O38" s="242"/>
      <c r="P38" s="243"/>
      <c r="Q38" s="243"/>
      <c r="R38" s="243"/>
      <c r="S38" s="243"/>
      <c r="T38" s="243"/>
      <c r="U38" s="243"/>
      <c r="V38" s="243"/>
      <c r="W38" s="243"/>
      <c r="X38" s="243"/>
      <c r="Y38" s="243"/>
      <c r="Z38" s="243"/>
      <c r="AA38" s="243"/>
      <c r="AB38" s="243"/>
      <c r="AC38" s="243"/>
      <c r="AD38" s="243"/>
      <c r="AE38" s="243"/>
      <c r="AF38" s="244"/>
    </row>
    <row r="39" spans="1:33" s="151" customFormat="1" x14ac:dyDescent="0.15">
      <c r="A39" s="159"/>
      <c r="B39" s="249"/>
      <c r="C39" s="231"/>
      <c r="D39" s="250"/>
      <c r="E39" s="250"/>
      <c r="F39" s="250"/>
      <c r="G39" s="250"/>
      <c r="H39" s="250"/>
      <c r="I39" s="250"/>
      <c r="J39" s="250"/>
      <c r="K39" s="250"/>
      <c r="L39" s="251"/>
      <c r="M39" s="160"/>
      <c r="N39" s="161" t="s">
        <v>83</v>
      </c>
      <c r="O39" s="261"/>
      <c r="P39" s="262"/>
      <c r="Q39" s="262"/>
      <c r="R39" s="262"/>
      <c r="S39" s="262"/>
      <c r="T39" s="262"/>
      <c r="U39" s="262"/>
      <c r="V39" s="262"/>
      <c r="W39" s="262"/>
      <c r="X39" s="262"/>
      <c r="Y39" s="262"/>
      <c r="Z39" s="262"/>
      <c r="AA39" s="262"/>
      <c r="AB39" s="262"/>
      <c r="AC39" s="262"/>
      <c r="AD39" s="262"/>
      <c r="AE39" s="262"/>
      <c r="AF39" s="263"/>
    </row>
    <row r="40" spans="1:33" s="151" customFormat="1" ht="17.25" customHeight="1" x14ac:dyDescent="0.15">
      <c r="B40" s="252"/>
      <c r="C40" s="253"/>
      <c r="D40" s="253"/>
      <c r="E40" s="253"/>
      <c r="F40" s="253"/>
      <c r="G40" s="253"/>
      <c r="H40" s="253"/>
      <c r="I40" s="253"/>
      <c r="J40" s="253"/>
      <c r="K40" s="253"/>
      <c r="L40" s="254"/>
      <c r="M40" s="157"/>
      <c r="N40" s="158" t="s">
        <v>83</v>
      </c>
      <c r="O40" s="239"/>
      <c r="P40" s="240"/>
      <c r="Q40" s="240"/>
      <c r="R40" s="240"/>
      <c r="S40" s="240"/>
      <c r="T40" s="240"/>
      <c r="U40" s="240"/>
      <c r="V40" s="240"/>
      <c r="W40" s="240"/>
      <c r="X40" s="240"/>
      <c r="Y40" s="240"/>
      <c r="Z40" s="240"/>
      <c r="AA40" s="240"/>
      <c r="AB40" s="240"/>
      <c r="AC40" s="240"/>
      <c r="AD40" s="240"/>
      <c r="AE40" s="240"/>
      <c r="AF40" s="241"/>
    </row>
    <row r="41" spans="1:33" s="151" customFormat="1" x14ac:dyDescent="0.15">
      <c r="B41" s="230" t="s">
        <v>2</v>
      </c>
      <c r="C41" s="231"/>
      <c r="D41" s="231"/>
      <c r="E41" s="231"/>
      <c r="F41" s="231"/>
      <c r="G41" s="231"/>
      <c r="H41" s="231"/>
      <c r="I41" s="231"/>
      <c r="J41" s="231"/>
      <c r="K41" s="231"/>
      <c r="L41" s="232"/>
      <c r="M41" s="154"/>
      <c r="N41" s="156" t="s">
        <v>83</v>
      </c>
      <c r="O41" s="239"/>
      <c r="P41" s="240"/>
      <c r="Q41" s="240"/>
      <c r="R41" s="240"/>
      <c r="S41" s="240"/>
      <c r="T41" s="240"/>
      <c r="U41" s="240"/>
      <c r="V41" s="240"/>
      <c r="W41" s="240"/>
      <c r="X41" s="240"/>
      <c r="Y41" s="240"/>
      <c r="Z41" s="240"/>
      <c r="AA41" s="240"/>
      <c r="AB41" s="240"/>
      <c r="AC41" s="240"/>
      <c r="AD41" s="240"/>
      <c r="AE41" s="240"/>
      <c r="AF41" s="241"/>
    </row>
    <row r="42" spans="1:33" s="151" customFormat="1" x14ac:dyDescent="0.15">
      <c r="B42" s="249"/>
      <c r="C42" s="250"/>
      <c r="D42" s="250"/>
      <c r="E42" s="250"/>
      <c r="F42" s="250"/>
      <c r="G42" s="250"/>
      <c r="H42" s="250"/>
      <c r="I42" s="250"/>
      <c r="J42" s="250"/>
      <c r="K42" s="250"/>
      <c r="L42" s="251"/>
      <c r="M42" s="154"/>
      <c r="N42" s="156" t="s">
        <v>83</v>
      </c>
      <c r="O42" s="239"/>
      <c r="P42" s="240"/>
      <c r="Q42" s="240"/>
      <c r="R42" s="240"/>
      <c r="S42" s="240"/>
      <c r="T42" s="240"/>
      <c r="U42" s="240"/>
      <c r="V42" s="240"/>
      <c r="W42" s="240"/>
      <c r="X42" s="240"/>
      <c r="Y42" s="240"/>
      <c r="Z42" s="240"/>
      <c r="AA42" s="240"/>
      <c r="AB42" s="240"/>
      <c r="AC42" s="240"/>
      <c r="AD42" s="240"/>
      <c r="AE42" s="240"/>
      <c r="AF42" s="241"/>
    </row>
    <row r="43" spans="1:33" ht="18" thickBot="1" x14ac:dyDescent="0.2">
      <c r="A43" s="151"/>
      <c r="B43" s="252"/>
      <c r="C43" s="253"/>
      <c r="D43" s="253"/>
      <c r="E43" s="253"/>
      <c r="F43" s="253"/>
      <c r="G43" s="253"/>
      <c r="H43" s="253"/>
      <c r="I43" s="253"/>
      <c r="J43" s="253"/>
      <c r="K43" s="253"/>
      <c r="L43" s="254"/>
      <c r="M43" s="162"/>
      <c r="N43" s="163" t="s">
        <v>83</v>
      </c>
      <c r="O43" s="264"/>
      <c r="P43" s="265"/>
      <c r="Q43" s="265"/>
      <c r="R43" s="265"/>
      <c r="S43" s="265"/>
      <c r="T43" s="265"/>
      <c r="U43" s="265"/>
      <c r="V43" s="265"/>
      <c r="W43" s="265"/>
      <c r="X43" s="265"/>
      <c r="Y43" s="265"/>
      <c r="Z43" s="265"/>
      <c r="AA43" s="265"/>
      <c r="AB43" s="265"/>
      <c r="AC43" s="265"/>
      <c r="AD43" s="265"/>
      <c r="AE43" s="265"/>
      <c r="AF43" s="266"/>
      <c r="AG43" s="151"/>
    </row>
    <row r="44" spans="1:33" ht="18" thickTop="1" x14ac:dyDescent="0.15">
      <c r="A44" s="151"/>
      <c r="B44" s="246" t="s">
        <v>86</v>
      </c>
      <c r="C44" s="247"/>
      <c r="D44" s="247"/>
      <c r="E44" s="247"/>
      <c r="F44" s="247"/>
      <c r="G44" s="247"/>
      <c r="H44" s="247"/>
      <c r="I44" s="247"/>
      <c r="J44" s="247"/>
      <c r="K44" s="247"/>
      <c r="L44" s="248"/>
      <c r="M44" s="164"/>
      <c r="N44" s="165" t="s">
        <v>83</v>
      </c>
      <c r="O44" s="255"/>
      <c r="P44" s="256"/>
      <c r="Q44" s="256"/>
      <c r="R44" s="256"/>
      <c r="S44" s="256"/>
      <c r="T44" s="256"/>
      <c r="U44" s="256"/>
      <c r="V44" s="256"/>
      <c r="W44" s="256"/>
      <c r="X44" s="256"/>
      <c r="Y44" s="256"/>
      <c r="Z44" s="256"/>
      <c r="AA44" s="256"/>
      <c r="AB44" s="256"/>
      <c r="AC44" s="256"/>
      <c r="AD44" s="256"/>
      <c r="AE44" s="256"/>
      <c r="AF44" s="257"/>
      <c r="AG44" s="151"/>
    </row>
    <row r="45" spans="1:33" x14ac:dyDescent="0.15">
      <c r="A45" s="151"/>
      <c r="B45" s="249"/>
      <c r="C45" s="250"/>
      <c r="D45" s="250"/>
      <c r="E45" s="250"/>
      <c r="F45" s="250"/>
      <c r="G45" s="250"/>
      <c r="H45" s="250"/>
      <c r="I45" s="250"/>
      <c r="J45" s="250"/>
      <c r="K45" s="250"/>
      <c r="L45" s="251"/>
      <c r="M45" s="154"/>
      <c r="N45" s="156" t="s">
        <v>83</v>
      </c>
      <c r="O45" s="239"/>
      <c r="P45" s="240"/>
      <c r="Q45" s="240"/>
      <c r="R45" s="240"/>
      <c r="S45" s="240"/>
      <c r="T45" s="240"/>
      <c r="U45" s="240"/>
      <c r="V45" s="240"/>
      <c r="W45" s="240"/>
      <c r="X45" s="240"/>
      <c r="Y45" s="240"/>
      <c r="Z45" s="240"/>
      <c r="AA45" s="240"/>
      <c r="AB45" s="240"/>
      <c r="AC45" s="240"/>
      <c r="AD45" s="240"/>
      <c r="AE45" s="240"/>
      <c r="AF45" s="241"/>
      <c r="AG45" s="151"/>
    </row>
    <row r="46" spans="1:33" x14ac:dyDescent="0.15">
      <c r="A46" s="151"/>
      <c r="B46" s="252"/>
      <c r="C46" s="253"/>
      <c r="D46" s="253"/>
      <c r="E46" s="253"/>
      <c r="F46" s="253"/>
      <c r="G46" s="253"/>
      <c r="H46" s="253"/>
      <c r="I46" s="253"/>
      <c r="J46" s="253"/>
      <c r="K46" s="253"/>
      <c r="L46" s="254"/>
      <c r="M46" s="157"/>
      <c r="N46" s="158" t="s">
        <v>83</v>
      </c>
      <c r="O46" s="239"/>
      <c r="P46" s="240"/>
      <c r="Q46" s="240"/>
      <c r="R46" s="240"/>
      <c r="S46" s="240"/>
      <c r="T46" s="240"/>
      <c r="U46" s="240"/>
      <c r="V46" s="240"/>
      <c r="W46" s="240"/>
      <c r="X46" s="240"/>
      <c r="Y46" s="240"/>
      <c r="Z46" s="240"/>
      <c r="AA46" s="240"/>
      <c r="AB46" s="240"/>
      <c r="AC46" s="240"/>
      <c r="AD46" s="240"/>
      <c r="AE46" s="240"/>
      <c r="AF46" s="241"/>
      <c r="AG46" s="151"/>
    </row>
    <row r="47" spans="1:33" x14ac:dyDescent="0.15">
      <c r="A47" s="151"/>
      <c r="B47" s="230" t="s">
        <v>85</v>
      </c>
      <c r="C47" s="231"/>
      <c r="D47" s="231"/>
      <c r="E47" s="231"/>
      <c r="F47" s="231"/>
      <c r="G47" s="231"/>
      <c r="H47" s="231"/>
      <c r="I47" s="231"/>
      <c r="J47" s="231"/>
      <c r="K47" s="231"/>
      <c r="L47" s="232"/>
      <c r="M47" s="154"/>
      <c r="N47" s="156" t="s">
        <v>83</v>
      </c>
      <c r="O47" s="239"/>
      <c r="P47" s="240"/>
      <c r="Q47" s="240"/>
      <c r="R47" s="240"/>
      <c r="S47" s="240"/>
      <c r="T47" s="240"/>
      <c r="U47" s="240"/>
      <c r="V47" s="240"/>
      <c r="W47" s="240"/>
      <c r="X47" s="240"/>
      <c r="Y47" s="240"/>
      <c r="Z47" s="240"/>
      <c r="AA47" s="240"/>
      <c r="AB47" s="240"/>
      <c r="AC47" s="240"/>
      <c r="AD47" s="240"/>
      <c r="AE47" s="240"/>
      <c r="AF47" s="241"/>
      <c r="AG47" s="151"/>
    </row>
    <row r="48" spans="1:33" x14ac:dyDescent="0.15">
      <c r="A48" s="151"/>
      <c r="B48" s="249"/>
      <c r="C48" s="250"/>
      <c r="D48" s="250"/>
      <c r="E48" s="250"/>
      <c r="F48" s="250"/>
      <c r="G48" s="250"/>
      <c r="H48" s="250"/>
      <c r="I48" s="250"/>
      <c r="J48" s="250"/>
      <c r="K48" s="250"/>
      <c r="L48" s="251"/>
      <c r="M48" s="154"/>
      <c r="N48" s="156" t="s">
        <v>83</v>
      </c>
      <c r="O48" s="239"/>
      <c r="P48" s="240"/>
      <c r="Q48" s="240"/>
      <c r="R48" s="240"/>
      <c r="S48" s="240"/>
      <c r="T48" s="240"/>
      <c r="U48" s="240"/>
      <c r="V48" s="240"/>
      <c r="W48" s="240"/>
      <c r="X48" s="240"/>
      <c r="Y48" s="240"/>
      <c r="Z48" s="240"/>
      <c r="AA48" s="240"/>
      <c r="AB48" s="240"/>
      <c r="AC48" s="240"/>
      <c r="AD48" s="240"/>
      <c r="AE48" s="240"/>
      <c r="AF48" s="241"/>
      <c r="AG48" s="151"/>
    </row>
    <row r="49" spans="1:33" x14ac:dyDescent="0.15">
      <c r="A49" s="151"/>
      <c r="B49" s="252"/>
      <c r="C49" s="253"/>
      <c r="D49" s="253"/>
      <c r="E49" s="253"/>
      <c r="F49" s="253"/>
      <c r="G49" s="253"/>
      <c r="H49" s="253"/>
      <c r="I49" s="253"/>
      <c r="J49" s="253"/>
      <c r="K49" s="253"/>
      <c r="L49" s="254"/>
      <c r="M49" s="157"/>
      <c r="N49" s="158" t="s">
        <v>83</v>
      </c>
      <c r="O49" s="239"/>
      <c r="P49" s="240"/>
      <c r="Q49" s="240"/>
      <c r="R49" s="240"/>
      <c r="S49" s="240"/>
      <c r="T49" s="240"/>
      <c r="U49" s="240"/>
      <c r="V49" s="240"/>
      <c r="W49" s="240"/>
      <c r="X49" s="240"/>
      <c r="Y49" s="240"/>
      <c r="Z49" s="240"/>
      <c r="AA49" s="240"/>
      <c r="AB49" s="240"/>
      <c r="AC49" s="240"/>
      <c r="AD49" s="240"/>
      <c r="AE49" s="240"/>
      <c r="AF49" s="241"/>
      <c r="AG49" s="151"/>
    </row>
    <row r="50" spans="1:33" x14ac:dyDescent="0.15">
      <c r="A50" s="151"/>
      <c r="B50" s="230" t="s">
        <v>84</v>
      </c>
      <c r="C50" s="231"/>
      <c r="D50" s="231"/>
      <c r="E50" s="231"/>
      <c r="F50" s="231"/>
      <c r="G50" s="231"/>
      <c r="H50" s="231"/>
      <c r="I50" s="231"/>
      <c r="J50" s="231"/>
      <c r="K50" s="231"/>
      <c r="L50" s="232"/>
      <c r="M50" s="154"/>
      <c r="N50" s="156" t="s">
        <v>83</v>
      </c>
      <c r="O50" s="239"/>
      <c r="P50" s="240"/>
      <c r="Q50" s="240"/>
      <c r="R50" s="240"/>
      <c r="S50" s="240"/>
      <c r="T50" s="240"/>
      <c r="U50" s="240"/>
      <c r="V50" s="240"/>
      <c r="W50" s="240"/>
      <c r="X50" s="240"/>
      <c r="Y50" s="240"/>
      <c r="Z50" s="240"/>
      <c r="AA50" s="240"/>
      <c r="AB50" s="240"/>
      <c r="AC50" s="240"/>
      <c r="AD50" s="240"/>
      <c r="AE50" s="240"/>
      <c r="AF50" s="241"/>
      <c r="AG50" s="151"/>
    </row>
    <row r="51" spans="1:33" x14ac:dyDescent="0.15">
      <c r="A51" s="151"/>
      <c r="B51" s="233"/>
      <c r="C51" s="234"/>
      <c r="D51" s="234"/>
      <c r="E51" s="234"/>
      <c r="F51" s="234"/>
      <c r="G51" s="234"/>
      <c r="H51" s="234"/>
      <c r="I51" s="234"/>
      <c r="J51" s="234"/>
      <c r="K51" s="234"/>
      <c r="L51" s="235"/>
      <c r="M51" s="154"/>
      <c r="N51" s="156" t="s">
        <v>83</v>
      </c>
      <c r="O51" s="239"/>
      <c r="P51" s="240"/>
      <c r="Q51" s="240"/>
      <c r="R51" s="240"/>
      <c r="S51" s="240"/>
      <c r="T51" s="240"/>
      <c r="U51" s="240"/>
      <c r="V51" s="240"/>
      <c r="W51" s="240"/>
      <c r="X51" s="240"/>
      <c r="Y51" s="240"/>
      <c r="Z51" s="240"/>
      <c r="AA51" s="240"/>
      <c r="AB51" s="240"/>
      <c r="AC51" s="240"/>
      <c r="AD51" s="240"/>
      <c r="AE51" s="240"/>
      <c r="AF51" s="241"/>
      <c r="AG51" s="151"/>
    </row>
    <row r="52" spans="1:33" x14ac:dyDescent="0.15">
      <c r="A52" s="151"/>
      <c r="B52" s="236"/>
      <c r="C52" s="237"/>
      <c r="D52" s="237"/>
      <c r="E52" s="237"/>
      <c r="F52" s="237"/>
      <c r="G52" s="237"/>
      <c r="H52" s="237"/>
      <c r="I52" s="237"/>
      <c r="J52" s="237"/>
      <c r="K52" s="237"/>
      <c r="L52" s="238"/>
      <c r="M52" s="154"/>
      <c r="N52" s="156" t="s">
        <v>83</v>
      </c>
      <c r="O52" s="242"/>
      <c r="P52" s="243"/>
      <c r="Q52" s="243"/>
      <c r="R52" s="243"/>
      <c r="S52" s="243"/>
      <c r="T52" s="243"/>
      <c r="U52" s="243"/>
      <c r="V52" s="243"/>
      <c r="W52" s="243"/>
      <c r="X52" s="243"/>
      <c r="Y52" s="243"/>
      <c r="Z52" s="243"/>
      <c r="AA52" s="243"/>
      <c r="AB52" s="243"/>
      <c r="AC52" s="243"/>
      <c r="AD52" s="243"/>
      <c r="AE52" s="243"/>
      <c r="AF52" s="244"/>
      <c r="AG52" s="151"/>
    </row>
    <row r="54" spans="1:33" x14ac:dyDescent="0.15">
      <c r="B54" s="144" t="s">
        <v>82</v>
      </c>
    </row>
    <row r="55" spans="1:33" x14ac:dyDescent="0.15">
      <c r="B55" s="144" t="s">
        <v>313</v>
      </c>
    </row>
    <row r="57" spans="1:33" x14ac:dyDescent="0.15">
      <c r="A57" s="144" t="s">
        <v>81</v>
      </c>
      <c r="M57" s="166"/>
      <c r="N57" s="144" t="s">
        <v>9</v>
      </c>
      <c r="O57" s="245"/>
      <c r="P57" s="245"/>
      <c r="Q57" s="144" t="s">
        <v>29</v>
      </c>
      <c r="R57" s="245"/>
      <c r="S57" s="245"/>
      <c r="T57" s="144" t="s">
        <v>30</v>
      </c>
    </row>
    <row r="122" spans="3:7" x14ac:dyDescent="0.15">
      <c r="C122" s="167"/>
      <c r="D122" s="167"/>
      <c r="E122" s="167"/>
      <c r="F122" s="167"/>
      <c r="G122" s="167"/>
    </row>
    <row r="123" spans="3:7" x14ac:dyDescent="0.15">
      <c r="C123" s="168"/>
    </row>
  </sheetData>
  <mergeCells count="59">
    <mergeCell ref="R14:V14"/>
    <mergeCell ref="X4:Y4"/>
    <mergeCell ref="AA4:AB4"/>
    <mergeCell ref="AD4:AE4"/>
    <mergeCell ref="T7:AF7"/>
    <mergeCell ref="B9:AF10"/>
    <mergeCell ref="B16:L16"/>
    <mergeCell ref="M16:N16"/>
    <mergeCell ref="O16:AF16"/>
    <mergeCell ref="B17:L19"/>
    <mergeCell ref="O17:AF17"/>
    <mergeCell ref="O18:AF18"/>
    <mergeCell ref="O19:AF19"/>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B32:L34"/>
    <mergeCell ref="O32:AF32"/>
    <mergeCell ref="O33:AF33"/>
    <mergeCell ref="O34:AF34"/>
    <mergeCell ref="B35:L37"/>
    <mergeCell ref="O35:AF35"/>
    <mergeCell ref="O36:AF36"/>
    <mergeCell ref="O37:AF37"/>
    <mergeCell ref="B38:L40"/>
    <mergeCell ref="O38:AF38"/>
    <mergeCell ref="O39:AF39"/>
    <mergeCell ref="O40:AF40"/>
    <mergeCell ref="B41:L43"/>
    <mergeCell ref="O41:AF41"/>
    <mergeCell ref="O42:AF42"/>
    <mergeCell ref="O43:AF43"/>
    <mergeCell ref="B44:L46"/>
    <mergeCell ref="O44:AF44"/>
    <mergeCell ref="O45:AF45"/>
    <mergeCell ref="O46:AF46"/>
    <mergeCell ref="B47:L49"/>
    <mergeCell ref="O47:AF47"/>
    <mergeCell ref="O48:AF48"/>
    <mergeCell ref="O49:AF49"/>
    <mergeCell ref="B50:L52"/>
    <mergeCell ref="O50:AF50"/>
    <mergeCell ref="O51:AF51"/>
    <mergeCell ref="O52:AF52"/>
    <mergeCell ref="O57:P57"/>
    <mergeCell ref="R57:S57"/>
  </mergeCells>
  <phoneticPr fontId="3"/>
  <pageMargins left="0.7" right="0.7" top="0.75" bottom="0.75" header="0.3" footer="0.3"/>
  <pageSetup paperSize="9" scale="77"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89"/>
  <sheetViews>
    <sheetView zoomScaleNormal="100" zoomScaleSheetLayoutView="70" workbookViewId="0">
      <selection activeCell="B4" sqref="B4"/>
    </sheetView>
  </sheetViews>
  <sheetFormatPr defaultRowHeight="13.5" x14ac:dyDescent="0.15"/>
  <cols>
    <col min="1" max="1" width="1.5" style="7" customWidth="1"/>
    <col min="2" max="2" width="10" style="7" customWidth="1"/>
    <col min="3" max="3" width="6.75" style="7" customWidth="1"/>
    <col min="4" max="4" width="10" style="7" customWidth="1"/>
    <col min="5" max="32" width="3.875" style="7" customWidth="1"/>
    <col min="33" max="35" width="9" style="7"/>
    <col min="36" max="36" width="2.5" style="7" customWidth="1"/>
    <col min="37" max="16384" width="9" style="7"/>
  </cols>
  <sheetData>
    <row r="2" spans="2:37" x14ac:dyDescent="0.15">
      <c r="B2" s="46" t="s">
        <v>167</v>
      </c>
    </row>
    <row r="3" spans="2:37" x14ac:dyDescent="0.15">
      <c r="B3" s="47"/>
    </row>
    <row r="4" spans="2:37" ht="13.5" customHeight="1" x14ac:dyDescent="0.15">
      <c r="B4" s="46" t="s">
        <v>49</v>
      </c>
      <c r="X4" s="48" t="s">
        <v>50</v>
      </c>
    </row>
    <row r="5" spans="2:37" ht="6.75" customHeight="1" x14ac:dyDescent="0.15">
      <c r="B5" s="46"/>
      <c r="W5" s="48"/>
      <c r="AJ5" s="49"/>
      <c r="AK5" s="49"/>
    </row>
    <row r="6" spans="2:37" ht="13.5" customHeight="1" x14ac:dyDescent="0.15">
      <c r="X6" s="46" t="s">
        <v>144</v>
      </c>
      <c r="AJ6" s="49"/>
      <c r="AK6" s="49"/>
    </row>
    <row r="7" spans="2:37" ht="6.75" customHeight="1" x14ac:dyDescent="0.15">
      <c r="W7" s="46"/>
      <c r="AJ7" s="49"/>
      <c r="AK7" s="49"/>
    </row>
    <row r="8" spans="2:37" ht="14.25" customHeight="1" x14ac:dyDescent="0.15">
      <c r="B8" s="46" t="s">
        <v>51</v>
      </c>
      <c r="AB8" s="46" t="s">
        <v>145</v>
      </c>
      <c r="AJ8" s="49"/>
      <c r="AK8" s="49"/>
    </row>
    <row r="9" spans="2:37" ht="14.25" customHeight="1" x14ac:dyDescent="0.15">
      <c r="B9" s="47"/>
      <c r="AJ9" s="49"/>
      <c r="AK9" s="49"/>
    </row>
    <row r="10" spans="2:37" ht="18" customHeight="1" x14ac:dyDescent="0.15">
      <c r="B10" s="281" t="s">
        <v>146</v>
      </c>
      <c r="C10" s="281" t="s">
        <v>147</v>
      </c>
      <c r="D10" s="281" t="s">
        <v>148</v>
      </c>
      <c r="E10" s="275" t="s">
        <v>52</v>
      </c>
      <c r="F10" s="276"/>
      <c r="G10" s="276"/>
      <c r="H10" s="276"/>
      <c r="I10" s="276"/>
      <c r="J10" s="276"/>
      <c r="K10" s="286"/>
      <c r="L10" s="275" t="s">
        <v>53</v>
      </c>
      <c r="M10" s="276"/>
      <c r="N10" s="276"/>
      <c r="O10" s="276"/>
      <c r="P10" s="276"/>
      <c r="Q10" s="276"/>
      <c r="R10" s="286"/>
      <c r="S10" s="275" t="s">
        <v>54</v>
      </c>
      <c r="T10" s="276"/>
      <c r="U10" s="276"/>
      <c r="V10" s="276"/>
      <c r="W10" s="276"/>
      <c r="X10" s="276"/>
      <c r="Y10" s="286"/>
      <c r="Z10" s="275" t="s">
        <v>55</v>
      </c>
      <c r="AA10" s="276"/>
      <c r="AB10" s="276"/>
      <c r="AC10" s="276"/>
      <c r="AD10" s="276"/>
      <c r="AE10" s="276"/>
      <c r="AF10" s="277"/>
      <c r="AG10" s="278" t="s">
        <v>149</v>
      </c>
      <c r="AH10" s="281" t="s">
        <v>56</v>
      </c>
      <c r="AI10" s="281" t="s">
        <v>57</v>
      </c>
      <c r="AJ10" s="49"/>
      <c r="AK10" s="49"/>
    </row>
    <row r="11" spans="2:37" ht="18" customHeight="1" x14ac:dyDescent="0.15">
      <c r="B11" s="284"/>
      <c r="C11" s="284"/>
      <c r="D11" s="284"/>
      <c r="E11" s="50">
        <v>1</v>
      </c>
      <c r="F11" s="50">
        <v>2</v>
      </c>
      <c r="G11" s="50">
        <v>3</v>
      </c>
      <c r="H11" s="50">
        <v>4</v>
      </c>
      <c r="I11" s="50">
        <v>5</v>
      </c>
      <c r="J11" s="50">
        <v>6</v>
      </c>
      <c r="K11" s="50">
        <v>7</v>
      </c>
      <c r="L11" s="50">
        <v>8</v>
      </c>
      <c r="M11" s="50">
        <v>9</v>
      </c>
      <c r="N11" s="50">
        <v>10</v>
      </c>
      <c r="O11" s="50">
        <v>11</v>
      </c>
      <c r="P11" s="50">
        <v>12</v>
      </c>
      <c r="Q11" s="50">
        <v>13</v>
      </c>
      <c r="R11" s="50">
        <v>14</v>
      </c>
      <c r="S11" s="50">
        <v>15</v>
      </c>
      <c r="T11" s="50">
        <v>16</v>
      </c>
      <c r="U11" s="50">
        <v>17</v>
      </c>
      <c r="V11" s="50">
        <v>18</v>
      </c>
      <c r="W11" s="50">
        <v>19</v>
      </c>
      <c r="X11" s="50">
        <v>20</v>
      </c>
      <c r="Y11" s="50">
        <v>21</v>
      </c>
      <c r="Z11" s="50">
        <v>22</v>
      </c>
      <c r="AA11" s="50">
        <v>23</v>
      </c>
      <c r="AB11" s="50">
        <v>24</v>
      </c>
      <c r="AC11" s="50">
        <v>25</v>
      </c>
      <c r="AD11" s="50">
        <v>26</v>
      </c>
      <c r="AE11" s="50">
        <v>27</v>
      </c>
      <c r="AF11" s="51">
        <v>28</v>
      </c>
      <c r="AG11" s="279"/>
      <c r="AH11" s="282"/>
      <c r="AI11" s="282"/>
      <c r="AJ11" s="49"/>
      <c r="AK11" s="49"/>
    </row>
    <row r="12" spans="2:37" ht="18" customHeight="1" x14ac:dyDescent="0.15">
      <c r="B12" s="285"/>
      <c r="C12" s="285"/>
      <c r="D12" s="285"/>
      <c r="E12" s="50" t="s">
        <v>58</v>
      </c>
      <c r="F12" s="52"/>
      <c r="G12" s="52"/>
      <c r="H12" s="52"/>
      <c r="I12" s="52"/>
      <c r="J12" s="52"/>
      <c r="K12" s="52"/>
      <c r="L12" s="52"/>
      <c r="M12" s="52"/>
      <c r="N12" s="52"/>
      <c r="O12" s="52"/>
      <c r="P12" s="52"/>
      <c r="Q12" s="52"/>
      <c r="R12" s="52"/>
      <c r="S12" s="52"/>
      <c r="T12" s="52"/>
      <c r="U12" s="52"/>
      <c r="V12" s="52"/>
      <c r="W12" s="52"/>
      <c r="X12" s="52"/>
      <c r="Y12" s="52"/>
      <c r="Z12" s="52"/>
      <c r="AA12" s="52"/>
      <c r="AB12" s="52"/>
      <c r="AC12" s="52"/>
      <c r="AD12" s="52"/>
      <c r="AE12" s="52"/>
      <c r="AF12" s="53"/>
      <c r="AG12" s="280"/>
      <c r="AH12" s="283"/>
      <c r="AI12" s="283"/>
      <c r="AJ12" s="49"/>
      <c r="AK12" s="49"/>
    </row>
    <row r="13" spans="2:37" ht="18" customHeight="1" x14ac:dyDescent="0.15">
      <c r="B13" s="273" t="s">
        <v>150</v>
      </c>
      <c r="C13" s="273"/>
      <c r="D13" s="273"/>
      <c r="E13" s="54" t="s">
        <v>59</v>
      </c>
      <c r="F13" s="54" t="s">
        <v>59</v>
      </c>
      <c r="G13" s="54" t="s">
        <v>60</v>
      </c>
      <c r="H13" s="54" t="s">
        <v>61</v>
      </c>
      <c r="I13" s="54" t="s">
        <v>62</v>
      </c>
      <c r="J13" s="54" t="s">
        <v>59</v>
      </c>
      <c r="K13" s="54" t="s">
        <v>62</v>
      </c>
      <c r="L13" s="55"/>
      <c r="M13" s="55"/>
      <c r="N13" s="55"/>
      <c r="O13" s="55"/>
      <c r="P13" s="55"/>
      <c r="Q13" s="55"/>
      <c r="R13" s="55"/>
      <c r="S13" s="55"/>
      <c r="T13" s="55"/>
      <c r="U13" s="55"/>
      <c r="V13" s="55"/>
      <c r="W13" s="55"/>
      <c r="X13" s="55"/>
      <c r="Y13" s="55"/>
      <c r="Z13" s="55"/>
      <c r="AA13" s="55"/>
      <c r="AB13" s="55"/>
      <c r="AC13" s="55"/>
      <c r="AD13" s="55"/>
      <c r="AE13" s="55"/>
      <c r="AF13" s="56"/>
      <c r="AG13" s="57"/>
      <c r="AH13" s="58"/>
      <c r="AI13" s="58"/>
    </row>
    <row r="14" spans="2:37" ht="18" customHeight="1" x14ac:dyDescent="0.15">
      <c r="B14" s="273" t="s">
        <v>151</v>
      </c>
      <c r="C14" s="273"/>
      <c r="D14" s="273"/>
      <c r="E14" s="54" t="s">
        <v>63</v>
      </c>
      <c r="F14" s="54" t="s">
        <v>63</v>
      </c>
      <c r="G14" s="54" t="s">
        <v>63</v>
      </c>
      <c r="H14" s="54" t="s">
        <v>64</v>
      </c>
      <c r="I14" s="54" t="s">
        <v>64</v>
      </c>
      <c r="J14" s="54" t="s">
        <v>65</v>
      </c>
      <c r="K14" s="54" t="s">
        <v>65</v>
      </c>
      <c r="L14" s="55"/>
      <c r="M14" s="55"/>
      <c r="N14" s="55"/>
      <c r="O14" s="55"/>
      <c r="P14" s="55"/>
      <c r="Q14" s="55"/>
      <c r="R14" s="55"/>
      <c r="S14" s="55"/>
      <c r="T14" s="55"/>
      <c r="U14" s="55"/>
      <c r="V14" s="55"/>
      <c r="W14" s="55"/>
      <c r="X14" s="55"/>
      <c r="Y14" s="55"/>
      <c r="Z14" s="55"/>
      <c r="AA14" s="55"/>
      <c r="AB14" s="55"/>
      <c r="AC14" s="55"/>
      <c r="AD14" s="55"/>
      <c r="AE14" s="55"/>
      <c r="AF14" s="56"/>
      <c r="AG14" s="57"/>
      <c r="AH14" s="58"/>
      <c r="AI14" s="58"/>
    </row>
    <row r="15" spans="2:37" ht="18" customHeight="1" x14ac:dyDescent="0.15">
      <c r="B15" s="58"/>
      <c r="C15" s="58"/>
      <c r="D15" s="58"/>
      <c r="E15" s="54"/>
      <c r="F15" s="54"/>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9"/>
      <c r="AG15" s="57"/>
      <c r="AH15" s="58"/>
      <c r="AI15" s="58"/>
    </row>
    <row r="16" spans="2:37" ht="18" customHeight="1" x14ac:dyDescent="0.15">
      <c r="B16" s="58"/>
      <c r="C16" s="58"/>
      <c r="D16" s="58"/>
      <c r="E16" s="54"/>
      <c r="F16" s="54"/>
      <c r="G16" s="54"/>
      <c r="H16" s="54"/>
      <c r="I16" s="54"/>
      <c r="J16" s="54"/>
      <c r="K16" s="54"/>
      <c r="L16" s="54"/>
      <c r="M16" s="54"/>
      <c r="N16" s="54"/>
      <c r="O16" s="54"/>
      <c r="P16" s="54"/>
      <c r="Q16" s="54"/>
      <c r="R16" s="54"/>
      <c r="S16" s="54"/>
      <c r="T16" s="54"/>
      <c r="U16" s="54"/>
      <c r="V16" s="54"/>
      <c r="W16" s="54"/>
      <c r="X16" s="54"/>
      <c r="Y16" s="54"/>
      <c r="Z16" s="54"/>
      <c r="AA16" s="54"/>
      <c r="AB16" s="54"/>
      <c r="AC16" s="54"/>
      <c r="AD16" s="54"/>
      <c r="AE16" s="54"/>
      <c r="AF16" s="59"/>
      <c r="AG16" s="57"/>
      <c r="AH16" s="58"/>
      <c r="AI16" s="58"/>
    </row>
    <row r="17" spans="2:37" ht="18" customHeight="1" x14ac:dyDescent="0.15">
      <c r="B17" s="58"/>
      <c r="C17" s="58"/>
      <c r="D17" s="58"/>
      <c r="E17" s="54"/>
      <c r="F17" s="54"/>
      <c r="G17" s="54"/>
      <c r="H17" s="54"/>
      <c r="I17" s="54"/>
      <c r="J17" s="54"/>
      <c r="K17" s="54"/>
      <c r="L17" s="54"/>
      <c r="M17" s="54"/>
      <c r="N17" s="54"/>
      <c r="O17" s="54"/>
      <c r="P17" s="54"/>
      <c r="Q17" s="54"/>
      <c r="R17" s="54"/>
      <c r="S17" s="54"/>
      <c r="T17" s="54"/>
      <c r="U17" s="54"/>
      <c r="V17" s="54"/>
      <c r="W17" s="54"/>
      <c r="X17" s="54"/>
      <c r="Y17" s="54"/>
      <c r="Z17" s="54"/>
      <c r="AA17" s="54"/>
      <c r="AB17" s="54"/>
      <c r="AC17" s="54"/>
      <c r="AD17" s="54"/>
      <c r="AE17" s="54"/>
      <c r="AF17" s="59"/>
      <c r="AG17" s="57"/>
      <c r="AH17" s="58"/>
      <c r="AI17" s="58"/>
    </row>
    <row r="18" spans="2:37" ht="18" customHeight="1" x14ac:dyDescent="0.15">
      <c r="B18" s="58"/>
      <c r="C18" s="58"/>
      <c r="D18" s="58"/>
      <c r="E18" s="54"/>
      <c r="F18" s="54"/>
      <c r="G18" s="54"/>
      <c r="H18" s="54"/>
      <c r="I18" s="54"/>
      <c r="J18" s="54"/>
      <c r="K18" s="54"/>
      <c r="L18" s="54"/>
      <c r="M18" s="54"/>
      <c r="N18" s="54"/>
      <c r="O18" s="54"/>
      <c r="P18" s="54"/>
      <c r="Q18" s="54"/>
      <c r="R18" s="54"/>
      <c r="S18" s="54"/>
      <c r="T18" s="54"/>
      <c r="U18" s="54"/>
      <c r="V18" s="54"/>
      <c r="W18" s="54"/>
      <c r="X18" s="54"/>
      <c r="Y18" s="54"/>
      <c r="Z18" s="54"/>
      <c r="AA18" s="54"/>
      <c r="AB18" s="54"/>
      <c r="AC18" s="54"/>
      <c r="AD18" s="54"/>
      <c r="AE18" s="54"/>
      <c r="AF18" s="59"/>
      <c r="AG18" s="57"/>
      <c r="AH18" s="58"/>
      <c r="AI18" s="58"/>
    </row>
    <row r="19" spans="2:37" ht="18" customHeight="1" x14ac:dyDescent="0.15">
      <c r="B19" s="58"/>
      <c r="C19" s="58"/>
      <c r="D19" s="58"/>
      <c r="E19" s="54"/>
      <c r="F19" s="54"/>
      <c r="G19" s="54"/>
      <c r="H19" s="54"/>
      <c r="I19" s="54"/>
      <c r="J19" s="54"/>
      <c r="K19" s="54"/>
      <c r="L19" s="54"/>
      <c r="M19" s="54"/>
      <c r="N19" s="54"/>
      <c r="O19" s="54"/>
      <c r="P19" s="54"/>
      <c r="Q19" s="54"/>
      <c r="R19" s="54"/>
      <c r="S19" s="54"/>
      <c r="T19" s="54"/>
      <c r="U19" s="54"/>
      <c r="V19" s="54"/>
      <c r="W19" s="54"/>
      <c r="X19" s="54"/>
      <c r="Y19" s="54"/>
      <c r="Z19" s="54"/>
      <c r="AA19" s="54"/>
      <c r="AB19" s="54"/>
      <c r="AC19" s="54"/>
      <c r="AD19" s="54"/>
      <c r="AE19" s="54"/>
      <c r="AF19" s="59"/>
      <c r="AG19" s="57"/>
      <c r="AH19" s="58"/>
      <c r="AI19" s="58"/>
    </row>
    <row r="20" spans="2:37" ht="18" customHeight="1" x14ac:dyDescent="0.15">
      <c r="B20" s="58"/>
      <c r="C20" s="58"/>
      <c r="D20" s="58"/>
      <c r="E20" s="54"/>
      <c r="F20" s="54"/>
      <c r="G20" s="54"/>
      <c r="H20" s="54"/>
      <c r="I20" s="54"/>
      <c r="J20" s="54"/>
      <c r="K20" s="54"/>
      <c r="L20" s="54"/>
      <c r="M20" s="54"/>
      <c r="N20" s="54"/>
      <c r="O20" s="54"/>
      <c r="P20" s="54"/>
      <c r="Q20" s="54"/>
      <c r="R20" s="54"/>
      <c r="S20" s="54"/>
      <c r="T20" s="54"/>
      <c r="U20" s="54"/>
      <c r="V20" s="54"/>
      <c r="W20" s="54"/>
      <c r="X20" s="54"/>
      <c r="Y20" s="54"/>
      <c r="Z20" s="54"/>
      <c r="AA20" s="54"/>
      <c r="AB20" s="54"/>
      <c r="AC20" s="54"/>
      <c r="AD20" s="54"/>
      <c r="AE20" s="54"/>
      <c r="AF20" s="59"/>
      <c r="AG20" s="57"/>
      <c r="AH20" s="58"/>
      <c r="AI20" s="58"/>
    </row>
    <row r="21" spans="2:37" ht="18" customHeight="1" x14ac:dyDescent="0.15">
      <c r="B21" s="58"/>
      <c r="C21" s="58"/>
      <c r="D21" s="58"/>
      <c r="E21" s="54"/>
      <c r="F21" s="54"/>
      <c r="G21" s="54"/>
      <c r="H21" s="54"/>
      <c r="I21" s="54"/>
      <c r="J21" s="54"/>
      <c r="K21" s="54"/>
      <c r="L21" s="54"/>
      <c r="M21" s="54"/>
      <c r="N21" s="54"/>
      <c r="O21" s="54"/>
      <c r="P21" s="54"/>
      <c r="Q21" s="54"/>
      <c r="R21" s="54"/>
      <c r="S21" s="54"/>
      <c r="T21" s="54"/>
      <c r="U21" s="54"/>
      <c r="V21" s="54"/>
      <c r="W21" s="54"/>
      <c r="X21" s="54"/>
      <c r="Y21" s="54"/>
      <c r="Z21" s="54"/>
      <c r="AA21" s="54"/>
      <c r="AB21" s="54"/>
      <c r="AC21" s="54"/>
      <c r="AD21" s="54"/>
      <c r="AE21" s="54"/>
      <c r="AF21" s="59"/>
      <c r="AG21" s="57"/>
      <c r="AH21" s="58"/>
      <c r="AI21" s="58"/>
    </row>
    <row r="22" spans="2:37" ht="18" customHeight="1" x14ac:dyDescent="0.15">
      <c r="B22" s="58"/>
      <c r="C22" s="58"/>
      <c r="D22" s="58"/>
      <c r="E22" s="54"/>
      <c r="F22" s="54"/>
      <c r="G22" s="54"/>
      <c r="H22" s="54"/>
      <c r="I22" s="54"/>
      <c r="J22" s="54"/>
      <c r="K22" s="54"/>
      <c r="L22" s="54"/>
      <c r="M22" s="54"/>
      <c r="N22" s="54"/>
      <c r="O22" s="54"/>
      <c r="P22" s="54"/>
      <c r="Q22" s="54"/>
      <c r="R22" s="54"/>
      <c r="S22" s="54"/>
      <c r="T22" s="54"/>
      <c r="U22" s="54"/>
      <c r="V22" s="54"/>
      <c r="W22" s="54"/>
      <c r="X22" s="54"/>
      <c r="Y22" s="54"/>
      <c r="Z22" s="54"/>
      <c r="AA22" s="54"/>
      <c r="AB22" s="54"/>
      <c r="AC22" s="54"/>
      <c r="AD22" s="54"/>
      <c r="AE22" s="54"/>
      <c r="AF22" s="54"/>
      <c r="AG22" s="57"/>
      <c r="AH22" s="58"/>
      <c r="AI22" s="58"/>
    </row>
    <row r="23" spans="2:37" ht="18" customHeight="1" x14ac:dyDescent="0.15">
      <c r="B23" s="58"/>
      <c r="C23" s="58"/>
      <c r="D23" s="58"/>
      <c r="E23" s="54"/>
      <c r="F23" s="54"/>
      <c r="G23" s="54"/>
      <c r="H23" s="54"/>
      <c r="I23" s="54"/>
      <c r="J23" s="54"/>
      <c r="K23" s="54"/>
      <c r="L23" s="54"/>
      <c r="M23" s="54"/>
      <c r="N23" s="54"/>
      <c r="O23" s="54"/>
      <c r="P23" s="54"/>
      <c r="Q23" s="54"/>
      <c r="R23" s="54"/>
      <c r="S23" s="54"/>
      <c r="T23" s="54"/>
      <c r="U23" s="54"/>
      <c r="V23" s="54"/>
      <c r="W23" s="54"/>
      <c r="X23" s="54"/>
      <c r="Y23" s="54"/>
      <c r="Z23" s="54"/>
      <c r="AA23" s="54"/>
      <c r="AB23" s="54"/>
      <c r="AC23" s="54"/>
      <c r="AD23" s="54"/>
      <c r="AE23" s="54"/>
      <c r="AF23" s="54"/>
      <c r="AG23" s="57"/>
      <c r="AH23" s="58"/>
      <c r="AI23" s="58"/>
    </row>
    <row r="24" spans="2:37" ht="18" customHeight="1" thickBot="1" x14ac:dyDescent="0.2">
      <c r="B24" s="60"/>
      <c r="D24" s="60"/>
      <c r="E24" s="61"/>
      <c r="F24" s="61"/>
      <c r="G24" s="61"/>
      <c r="H24" s="61"/>
      <c r="I24" s="61"/>
      <c r="J24" s="61"/>
      <c r="K24" s="61"/>
      <c r="L24" s="61"/>
      <c r="M24" s="61"/>
      <c r="N24" s="61"/>
      <c r="O24" s="61"/>
      <c r="P24" s="61"/>
      <c r="Q24" s="61"/>
      <c r="R24" s="61"/>
      <c r="S24" s="61"/>
      <c r="T24" s="61"/>
      <c r="U24" s="61"/>
      <c r="V24" s="61"/>
      <c r="W24" s="61"/>
      <c r="X24" s="61"/>
      <c r="Y24" s="61"/>
      <c r="Z24" s="61"/>
      <c r="AA24" s="61"/>
      <c r="AB24" s="61"/>
      <c r="AC24" s="61"/>
      <c r="AD24" s="61"/>
      <c r="AE24" s="61"/>
      <c r="AF24" s="61"/>
      <c r="AG24" s="57"/>
      <c r="AH24" s="58"/>
      <c r="AI24" s="58"/>
    </row>
    <row r="25" spans="2:37" ht="18" customHeight="1" thickTop="1" x14ac:dyDescent="0.15">
      <c r="B25" s="272" t="s">
        <v>66</v>
      </c>
      <c r="C25" s="274" t="s">
        <v>67</v>
      </c>
      <c r="D25" s="274"/>
      <c r="E25" s="62"/>
      <c r="F25" s="62"/>
      <c r="G25" s="62"/>
      <c r="H25" s="62"/>
      <c r="I25" s="62"/>
      <c r="J25" s="62"/>
      <c r="K25" s="62"/>
      <c r="L25" s="62"/>
      <c r="M25" s="62"/>
      <c r="N25" s="62"/>
      <c r="O25" s="62"/>
      <c r="P25" s="62"/>
      <c r="Q25" s="62"/>
      <c r="R25" s="62"/>
      <c r="S25" s="62"/>
      <c r="T25" s="62"/>
      <c r="U25" s="62"/>
      <c r="V25" s="62"/>
      <c r="W25" s="62"/>
      <c r="X25" s="62"/>
      <c r="Y25" s="62"/>
      <c r="Z25" s="62"/>
      <c r="AA25" s="62"/>
      <c r="AB25" s="62"/>
      <c r="AC25" s="62"/>
      <c r="AD25" s="62"/>
      <c r="AE25" s="62"/>
      <c r="AF25" s="62"/>
      <c r="AI25" s="63"/>
    </row>
    <row r="26" spans="2:37" ht="30" customHeight="1" x14ac:dyDescent="0.15">
      <c r="B26" s="273"/>
      <c r="C26" s="273" t="s">
        <v>68</v>
      </c>
      <c r="D26" s="273"/>
      <c r="E26" s="64"/>
      <c r="F26" s="64"/>
      <c r="G26" s="64"/>
      <c r="H26" s="64"/>
      <c r="I26" s="64"/>
      <c r="J26" s="64"/>
      <c r="K26" s="64"/>
      <c r="L26" s="64"/>
      <c r="M26" s="64"/>
      <c r="N26" s="64"/>
      <c r="O26" s="64"/>
      <c r="P26" s="64"/>
      <c r="Q26" s="64"/>
      <c r="R26" s="64"/>
      <c r="S26" s="64"/>
      <c r="T26" s="64"/>
      <c r="U26" s="64"/>
      <c r="V26" s="64"/>
      <c r="W26" s="64"/>
      <c r="X26" s="64"/>
      <c r="Y26" s="64"/>
      <c r="Z26" s="64"/>
      <c r="AA26" s="64"/>
      <c r="AB26" s="64"/>
      <c r="AC26" s="64"/>
      <c r="AD26" s="64"/>
      <c r="AE26" s="64"/>
      <c r="AF26" s="64"/>
      <c r="AI26" s="9"/>
    </row>
    <row r="27" spans="2:37" ht="8.25" customHeight="1" x14ac:dyDescent="0.15">
      <c r="B27" s="65"/>
      <c r="C27" s="66"/>
      <c r="D27" s="66"/>
      <c r="E27" s="66"/>
      <c r="F27" s="66"/>
      <c r="G27" s="66"/>
      <c r="H27" s="66"/>
      <c r="I27" s="66"/>
      <c r="J27" s="66"/>
      <c r="K27" s="66"/>
      <c r="L27" s="66"/>
      <c r="M27" s="66"/>
      <c r="N27" s="66"/>
      <c r="O27" s="66"/>
      <c r="P27" s="66"/>
      <c r="Q27" s="66"/>
      <c r="R27" s="66"/>
      <c r="S27" s="66"/>
      <c r="T27" s="66"/>
      <c r="U27" s="66"/>
      <c r="V27" s="66"/>
      <c r="W27" s="66"/>
      <c r="X27" s="66"/>
      <c r="Y27" s="66"/>
      <c r="Z27" s="66"/>
      <c r="AA27" s="66"/>
      <c r="AB27" s="66"/>
      <c r="AC27" s="66"/>
      <c r="AD27" s="66"/>
      <c r="AE27" s="66"/>
      <c r="AF27" s="66"/>
      <c r="AI27" s="9"/>
    </row>
    <row r="28" spans="2:37" x14ac:dyDescent="0.15">
      <c r="B28" s="67" t="s">
        <v>69</v>
      </c>
      <c r="E28" s="68"/>
      <c r="AI28" s="69"/>
      <c r="AJ28" s="70"/>
      <c r="AK28" s="70"/>
    </row>
    <row r="29" spans="2:37" ht="6" customHeight="1" x14ac:dyDescent="0.15">
      <c r="B29" s="67"/>
      <c r="AI29" s="9"/>
    </row>
    <row r="30" spans="2:37" x14ac:dyDescent="0.15">
      <c r="B30" s="67" t="s">
        <v>70</v>
      </c>
      <c r="AI30" s="9"/>
    </row>
    <row r="31" spans="2:37" x14ac:dyDescent="0.15">
      <c r="B31" s="67" t="s">
        <v>71</v>
      </c>
      <c r="AI31" s="9"/>
    </row>
    <row r="32" spans="2:37" ht="6.75" customHeight="1" x14ac:dyDescent="0.15">
      <c r="B32" s="67"/>
      <c r="AI32" s="9"/>
    </row>
    <row r="33" spans="2:35" x14ac:dyDescent="0.15">
      <c r="B33" s="67" t="s">
        <v>72</v>
      </c>
      <c r="AI33" s="9"/>
    </row>
    <row r="34" spans="2:35" x14ac:dyDescent="0.15">
      <c r="B34" s="67" t="s">
        <v>71</v>
      </c>
      <c r="AI34" s="9"/>
    </row>
    <row r="35" spans="2:35" ht="6.75" customHeight="1" x14ac:dyDescent="0.15">
      <c r="B35" s="67"/>
      <c r="AI35" s="9"/>
    </row>
    <row r="36" spans="2:35" x14ac:dyDescent="0.15">
      <c r="B36" s="67" t="s">
        <v>73</v>
      </c>
      <c r="AI36" s="9"/>
    </row>
    <row r="37" spans="2:35" x14ac:dyDescent="0.15">
      <c r="B37" s="67" t="s">
        <v>152</v>
      </c>
      <c r="AI37" s="9"/>
    </row>
    <row r="38" spans="2:35" ht="6" customHeight="1" x14ac:dyDescent="0.15">
      <c r="B38" s="71"/>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72"/>
    </row>
    <row r="39" spans="2:35" ht="6" customHeight="1" x14ac:dyDescent="0.15">
      <c r="B39" s="46"/>
      <c r="C39" s="73"/>
    </row>
    <row r="40" spans="2:35" ht="6.75" customHeight="1" x14ac:dyDescent="0.15">
      <c r="B40" s="46"/>
    </row>
    <row r="41" spans="2:35" x14ac:dyDescent="0.15">
      <c r="B41" s="34" t="s">
        <v>153</v>
      </c>
    </row>
    <row r="42" spans="2:35" x14ac:dyDescent="0.15">
      <c r="B42" s="34" t="s">
        <v>154</v>
      </c>
    </row>
    <row r="43" spans="2:35" x14ac:dyDescent="0.15">
      <c r="B43" s="34" t="s">
        <v>155</v>
      </c>
    </row>
    <row r="44" spans="2:35" x14ac:dyDescent="0.15">
      <c r="B44" s="34" t="s">
        <v>156</v>
      </c>
    </row>
    <row r="45" spans="2:35" x14ac:dyDescent="0.15">
      <c r="B45" s="34" t="s">
        <v>157</v>
      </c>
    </row>
    <row r="46" spans="2:35" x14ac:dyDescent="0.15">
      <c r="B46" s="34" t="s">
        <v>158</v>
      </c>
    </row>
    <row r="47" spans="2:35" x14ac:dyDescent="0.15">
      <c r="B47" s="34" t="s">
        <v>74</v>
      </c>
    </row>
    <row r="48" spans="2:35" x14ac:dyDescent="0.15">
      <c r="B48" s="34" t="s">
        <v>75</v>
      </c>
    </row>
    <row r="49" spans="2:2" x14ac:dyDescent="0.15">
      <c r="B49" s="34" t="s">
        <v>159</v>
      </c>
    </row>
    <row r="50" spans="2:2" x14ac:dyDescent="0.15">
      <c r="B50" s="34" t="s">
        <v>160</v>
      </c>
    </row>
    <row r="51" spans="2:2" ht="14.25" x14ac:dyDescent="0.15">
      <c r="B51" s="74" t="s">
        <v>161</v>
      </c>
    </row>
    <row r="52" spans="2:2" x14ac:dyDescent="0.15">
      <c r="B52" s="34" t="s">
        <v>162</v>
      </c>
    </row>
    <row r="53" spans="2:2" x14ac:dyDescent="0.15">
      <c r="B53" s="34" t="s">
        <v>163</v>
      </c>
    </row>
    <row r="54" spans="2:2" x14ac:dyDescent="0.15">
      <c r="B54" s="34" t="s">
        <v>76</v>
      </c>
    </row>
    <row r="55" spans="2:2" x14ac:dyDescent="0.15">
      <c r="B55" s="34" t="s">
        <v>77</v>
      </c>
    </row>
    <row r="56" spans="2:2" x14ac:dyDescent="0.15">
      <c r="B56" s="34" t="s">
        <v>78</v>
      </c>
    </row>
    <row r="57" spans="2:2" x14ac:dyDescent="0.15">
      <c r="B57" s="34" t="s">
        <v>79</v>
      </c>
    </row>
    <row r="58" spans="2:2" x14ac:dyDescent="0.15">
      <c r="B58" s="34" t="s">
        <v>164</v>
      </c>
    </row>
    <row r="59" spans="2:2" x14ac:dyDescent="0.15">
      <c r="B59" s="34" t="s">
        <v>165</v>
      </c>
    </row>
    <row r="60" spans="2:2" x14ac:dyDescent="0.15">
      <c r="B60" s="34" t="s">
        <v>80</v>
      </c>
    </row>
    <row r="61" spans="2:2" x14ac:dyDescent="0.15">
      <c r="B61" s="34" t="s">
        <v>166</v>
      </c>
    </row>
    <row r="62" spans="2:2" x14ac:dyDescent="0.15">
      <c r="B62" s="34"/>
    </row>
    <row r="63" spans="2:2" x14ac:dyDescent="0.15">
      <c r="B63" s="34"/>
    </row>
    <row r="64" spans="2:2" x14ac:dyDescent="0.15">
      <c r="B64" s="34"/>
    </row>
    <row r="65" spans="2:2" x14ac:dyDescent="0.15">
      <c r="B65" s="34"/>
    </row>
    <row r="66" spans="2:2" x14ac:dyDescent="0.15">
      <c r="B66" s="34"/>
    </row>
    <row r="67" spans="2:2" x14ac:dyDescent="0.15">
      <c r="B67" s="34"/>
    </row>
    <row r="68" spans="2:2" x14ac:dyDescent="0.15">
      <c r="B68" s="34"/>
    </row>
    <row r="69" spans="2:2" x14ac:dyDescent="0.15">
      <c r="B69" s="34"/>
    </row>
    <row r="70" spans="2:2" x14ac:dyDescent="0.15">
      <c r="B70" s="34"/>
    </row>
    <row r="71" spans="2:2" x14ac:dyDescent="0.15">
      <c r="B71" s="34"/>
    </row>
    <row r="72" spans="2:2" x14ac:dyDescent="0.15">
      <c r="B72" s="34"/>
    </row>
    <row r="73" spans="2:2" x14ac:dyDescent="0.15">
      <c r="B73" s="34"/>
    </row>
    <row r="74" spans="2:2" x14ac:dyDescent="0.15">
      <c r="B74" s="34"/>
    </row>
    <row r="75" spans="2:2" x14ac:dyDescent="0.15">
      <c r="B75" s="34"/>
    </row>
    <row r="76" spans="2:2" x14ac:dyDescent="0.15">
      <c r="B76" s="34"/>
    </row>
    <row r="77" spans="2:2" x14ac:dyDescent="0.15">
      <c r="B77" s="34"/>
    </row>
    <row r="78" spans="2:2" x14ac:dyDescent="0.15">
      <c r="B78" s="34"/>
    </row>
    <row r="79" spans="2:2" x14ac:dyDescent="0.15">
      <c r="B79" s="34"/>
    </row>
    <row r="80" spans="2:2" x14ac:dyDescent="0.15">
      <c r="B80" s="34"/>
    </row>
    <row r="81" spans="2:12" x14ac:dyDescent="0.15">
      <c r="B81" s="34"/>
    </row>
    <row r="82" spans="2:12" x14ac:dyDescent="0.15">
      <c r="B82" s="34"/>
      <c r="L82" s="75"/>
    </row>
    <row r="83" spans="2:12" x14ac:dyDescent="0.15">
      <c r="B83" s="34"/>
    </row>
    <row r="84" spans="2:12" x14ac:dyDescent="0.15">
      <c r="B84" s="34"/>
    </row>
    <row r="85" spans="2:12" x14ac:dyDescent="0.15">
      <c r="B85" s="34"/>
    </row>
    <row r="86" spans="2:12" x14ac:dyDescent="0.15">
      <c r="B86" s="34"/>
    </row>
    <row r="87" spans="2:12" x14ac:dyDescent="0.15">
      <c r="B87" s="34"/>
    </row>
    <row r="88" spans="2:12" x14ac:dyDescent="0.15">
      <c r="B88" s="34"/>
    </row>
    <row r="89" spans="2:12" x14ac:dyDescent="0.15">
      <c r="B89" s="34"/>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3"/>
  <pageMargins left="0.7" right="0.7" top="0.75" bottom="0.75" header="0.3" footer="0.3"/>
  <pageSetup paperSize="9" scale="5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topLeftCell="A25" zoomScaleNormal="100" zoomScaleSheetLayoutView="130" workbookViewId="0">
      <selection activeCell="B4" sqref="B4:Y4"/>
    </sheetView>
  </sheetViews>
  <sheetFormatPr defaultColWidth="4" defaultRowHeight="13.5" x14ac:dyDescent="0.15"/>
  <cols>
    <col min="1" max="1" width="1.5" style="34" customWidth="1"/>
    <col min="2" max="2" width="2.375" style="34" customWidth="1"/>
    <col min="3" max="3" width="1.125" style="34" customWidth="1"/>
    <col min="4" max="20" width="4" style="34"/>
    <col min="21" max="21" width="2.375" style="34" customWidth="1"/>
    <col min="22" max="22" width="4" style="34"/>
    <col min="23" max="23" width="2.25" style="34" customWidth="1"/>
    <col min="24" max="24" width="4" style="34"/>
    <col min="25" max="25" width="2.375" style="34" customWidth="1"/>
    <col min="26" max="26" width="1.5" style="34" customWidth="1"/>
    <col min="27" max="16384" width="4" style="34"/>
  </cols>
  <sheetData>
    <row r="2" spans="2:28" x14ac:dyDescent="0.15">
      <c r="B2" s="34" t="s">
        <v>364</v>
      </c>
      <c r="C2"/>
      <c r="D2"/>
      <c r="E2"/>
      <c r="F2"/>
      <c r="G2"/>
      <c r="H2"/>
      <c r="I2"/>
      <c r="J2"/>
      <c r="K2"/>
      <c r="L2"/>
      <c r="M2"/>
      <c r="N2"/>
      <c r="O2"/>
      <c r="P2"/>
      <c r="Q2"/>
      <c r="R2"/>
      <c r="S2"/>
      <c r="T2"/>
      <c r="U2"/>
      <c r="V2"/>
      <c r="W2"/>
      <c r="X2"/>
      <c r="Y2"/>
    </row>
    <row r="4" spans="2:28" x14ac:dyDescent="0.15">
      <c r="B4" s="302" t="s">
        <v>365</v>
      </c>
      <c r="C4" s="302"/>
      <c r="D4" s="302"/>
      <c r="E4" s="302"/>
      <c r="F4" s="302"/>
      <c r="G4" s="302"/>
      <c r="H4" s="302"/>
      <c r="I4" s="302"/>
      <c r="J4" s="302"/>
      <c r="K4" s="302"/>
      <c r="L4" s="302"/>
      <c r="M4" s="302"/>
      <c r="N4" s="302"/>
      <c r="O4" s="302"/>
      <c r="P4" s="302"/>
      <c r="Q4" s="302"/>
      <c r="R4" s="302"/>
      <c r="S4" s="302"/>
      <c r="T4" s="302"/>
      <c r="U4" s="302"/>
      <c r="V4" s="302"/>
      <c r="W4" s="302"/>
      <c r="X4" s="302"/>
      <c r="Y4" s="302"/>
    </row>
    <row r="5" spans="2:28" x14ac:dyDescent="0.15">
      <c r="B5" s="302" t="s">
        <v>366</v>
      </c>
      <c r="C5" s="302"/>
      <c r="D5" s="302"/>
      <c r="E5" s="302"/>
      <c r="F5" s="302"/>
      <c r="G5" s="302"/>
      <c r="H5" s="302"/>
      <c r="I5" s="302"/>
      <c r="J5" s="302"/>
      <c r="K5" s="302"/>
      <c r="L5" s="302"/>
      <c r="M5" s="302"/>
      <c r="N5" s="302"/>
      <c r="O5" s="302"/>
      <c r="P5" s="302"/>
      <c r="Q5" s="302"/>
      <c r="R5" s="302"/>
      <c r="S5" s="302"/>
      <c r="T5" s="302"/>
      <c r="U5" s="302"/>
      <c r="V5" s="302"/>
      <c r="W5" s="302"/>
      <c r="X5" s="302"/>
      <c r="Y5" s="302"/>
    </row>
    <row r="6" spans="2:28" ht="12.75" customHeight="1" x14ac:dyDescent="0.15"/>
    <row r="7" spans="2:28" ht="23.25" customHeight="1" x14ac:dyDescent="0.15">
      <c r="B7" s="307" t="s">
        <v>15</v>
      </c>
      <c r="C7" s="307"/>
      <c r="D7" s="307"/>
      <c r="E7" s="307"/>
      <c r="F7" s="307"/>
      <c r="G7" s="308"/>
      <c r="H7" s="309"/>
      <c r="I7" s="309"/>
      <c r="J7" s="309"/>
      <c r="K7" s="309"/>
      <c r="L7" s="309"/>
      <c r="M7" s="309"/>
      <c r="N7" s="309"/>
      <c r="O7" s="309"/>
      <c r="P7" s="309"/>
      <c r="Q7" s="309"/>
      <c r="R7" s="309"/>
      <c r="S7" s="309"/>
      <c r="T7" s="309"/>
      <c r="U7" s="309"/>
      <c r="V7" s="309"/>
      <c r="W7" s="309"/>
      <c r="X7" s="309"/>
      <c r="Y7" s="310"/>
    </row>
    <row r="8" spans="2:28" ht="26.25" customHeight="1" x14ac:dyDescent="0.15">
      <c r="B8" s="307" t="s">
        <v>16</v>
      </c>
      <c r="C8" s="307"/>
      <c r="D8" s="307"/>
      <c r="E8" s="307"/>
      <c r="F8" s="307"/>
      <c r="G8" s="15" t="s">
        <v>0</v>
      </c>
      <c r="H8" s="27" t="s">
        <v>17</v>
      </c>
      <c r="I8" s="27"/>
      <c r="J8" s="27"/>
      <c r="K8" s="27"/>
      <c r="L8" s="15" t="s">
        <v>0</v>
      </c>
      <c r="M8" s="27" t="s">
        <v>18</v>
      </c>
      <c r="N8" s="27"/>
      <c r="O8" s="27"/>
      <c r="P8" s="27"/>
      <c r="Q8" s="15" t="s">
        <v>0</v>
      </c>
      <c r="R8" s="27" t="s">
        <v>19</v>
      </c>
      <c r="S8" s="27"/>
      <c r="T8" s="27"/>
      <c r="U8" s="27"/>
      <c r="V8" s="27"/>
      <c r="W8" s="28"/>
      <c r="X8" s="28"/>
      <c r="Y8" s="29"/>
    </row>
    <row r="9" spans="2:28" ht="19.5" customHeight="1" x14ac:dyDescent="0.15">
      <c r="B9" s="298" t="s">
        <v>116</v>
      </c>
      <c r="C9" s="299"/>
      <c r="D9" s="299"/>
      <c r="E9" s="299"/>
      <c r="F9" s="300"/>
      <c r="G9" s="38" t="s">
        <v>0</v>
      </c>
      <c r="H9" s="31" t="s">
        <v>367</v>
      </c>
      <c r="I9" s="86"/>
      <c r="J9" s="86"/>
      <c r="K9" s="86"/>
      <c r="L9" s="86"/>
      <c r="M9" s="86"/>
      <c r="N9" s="86"/>
      <c r="O9" s="86"/>
      <c r="P9" s="86"/>
      <c r="Q9" s="86"/>
      <c r="R9" s="86"/>
      <c r="S9" s="86"/>
      <c r="T9" s="86"/>
      <c r="U9" s="86"/>
      <c r="V9" s="86"/>
      <c r="W9" s="86"/>
      <c r="X9" s="86"/>
      <c r="Y9" s="87"/>
    </row>
    <row r="10" spans="2:28" ht="18.75" customHeight="1" x14ac:dyDescent="0.15">
      <c r="B10" s="301"/>
      <c r="C10" s="302"/>
      <c r="D10" s="302"/>
      <c r="E10" s="302"/>
      <c r="F10" s="303"/>
      <c r="G10" s="41" t="s">
        <v>0</v>
      </c>
      <c r="H10" s="34" t="s">
        <v>368</v>
      </c>
      <c r="I10" s="16"/>
      <c r="J10" s="16"/>
      <c r="K10" s="16"/>
      <c r="L10" s="16"/>
      <c r="M10" s="16"/>
      <c r="N10" s="16"/>
      <c r="O10" s="16"/>
      <c r="P10" s="16"/>
      <c r="Q10" s="16"/>
      <c r="R10" s="16"/>
      <c r="S10" s="16"/>
      <c r="T10" s="16"/>
      <c r="U10" s="16"/>
      <c r="V10" s="16"/>
      <c r="W10" s="16"/>
      <c r="X10" s="16"/>
      <c r="Y10" s="36"/>
    </row>
    <row r="11" spans="2:28" ht="17.25" customHeight="1" x14ac:dyDescent="0.15">
      <c r="B11" s="304"/>
      <c r="C11" s="305"/>
      <c r="D11" s="305"/>
      <c r="E11" s="305"/>
      <c r="F11" s="306"/>
      <c r="G11" s="10" t="s">
        <v>0</v>
      </c>
      <c r="H11" s="6" t="s">
        <v>369</v>
      </c>
      <c r="I11" s="88"/>
      <c r="J11" s="88"/>
      <c r="K11" s="88"/>
      <c r="L11" s="88"/>
      <c r="M11" s="88"/>
      <c r="N11" s="88"/>
      <c r="O11" s="88"/>
      <c r="P11" s="88"/>
      <c r="Q11" s="88"/>
      <c r="R11" s="88"/>
      <c r="S11" s="88"/>
      <c r="T11" s="88"/>
      <c r="U11" s="88"/>
      <c r="V11" s="88"/>
      <c r="W11" s="88"/>
      <c r="X11" s="88"/>
      <c r="Y11" s="89"/>
      <c r="Z11"/>
      <c r="AA11"/>
      <c r="AB11"/>
    </row>
    <row r="12" spans="2:28" ht="20.25" customHeight="1" x14ac:dyDescent="0.15"/>
    <row r="13" spans="2:28" ht="3.75" customHeight="1" x14ac:dyDescent="0.15">
      <c r="B13" s="30"/>
      <c r="C13" s="31"/>
      <c r="D13" s="31"/>
      <c r="E13" s="31"/>
      <c r="F13" s="31"/>
      <c r="G13" s="31"/>
      <c r="H13" s="31"/>
      <c r="I13" s="31"/>
      <c r="J13" s="31"/>
      <c r="K13" s="31"/>
      <c r="L13" s="31"/>
      <c r="M13" s="31"/>
      <c r="N13" s="31"/>
      <c r="O13" s="31"/>
      <c r="P13" s="31"/>
      <c r="Q13" s="31"/>
      <c r="R13" s="31"/>
      <c r="S13" s="31"/>
      <c r="T13" s="32"/>
      <c r="U13" s="31"/>
      <c r="V13" s="31"/>
      <c r="W13" s="31"/>
      <c r="X13" s="31"/>
      <c r="Y13" s="32"/>
    </row>
    <row r="14" spans="2:28" ht="15" customHeight="1" x14ac:dyDescent="0.15">
      <c r="B14" s="3" t="s">
        <v>370</v>
      </c>
      <c r="T14" s="35"/>
      <c r="V14" s="33" t="s">
        <v>20</v>
      </c>
      <c r="W14" s="33" t="s">
        <v>119</v>
      </c>
      <c r="X14" s="33" t="s">
        <v>21</v>
      </c>
      <c r="Y14" s="35"/>
    </row>
    <row r="15" spans="2:28" ht="9" customHeight="1" x14ac:dyDescent="0.15">
      <c r="B15" s="3"/>
      <c r="T15" s="35"/>
      <c r="Y15" s="35"/>
    </row>
    <row r="16" spans="2:28" ht="72.75" customHeight="1" x14ac:dyDescent="0.15">
      <c r="B16" s="3"/>
      <c r="C16" s="288" t="s">
        <v>371</v>
      </c>
      <c r="D16" s="289"/>
      <c r="E16" s="290"/>
      <c r="F16" s="26" t="s">
        <v>357</v>
      </c>
      <c r="G16" s="287" t="s">
        <v>372</v>
      </c>
      <c r="H16" s="297"/>
      <c r="I16" s="297"/>
      <c r="J16" s="297"/>
      <c r="K16" s="297"/>
      <c r="L16" s="297"/>
      <c r="M16" s="297"/>
      <c r="N16" s="297"/>
      <c r="O16" s="297"/>
      <c r="P16" s="297"/>
      <c r="Q16" s="297"/>
      <c r="R16" s="297"/>
      <c r="S16" s="297"/>
      <c r="T16" s="2"/>
      <c r="V16" s="13" t="s">
        <v>0</v>
      </c>
      <c r="W16" s="13" t="s">
        <v>123</v>
      </c>
      <c r="X16" s="13" t="s">
        <v>0</v>
      </c>
      <c r="Y16" s="2"/>
    </row>
    <row r="17" spans="2:28" ht="45" customHeight="1" x14ac:dyDescent="0.15">
      <c r="B17" s="3"/>
      <c r="C17" s="291"/>
      <c r="D17" s="292"/>
      <c r="E17" s="293"/>
      <c r="F17" s="26" t="s">
        <v>23</v>
      </c>
      <c r="G17" s="287" t="s">
        <v>373</v>
      </c>
      <c r="H17" s="287"/>
      <c r="I17" s="287"/>
      <c r="J17" s="287"/>
      <c r="K17" s="287"/>
      <c r="L17" s="287"/>
      <c r="M17" s="287"/>
      <c r="N17" s="287"/>
      <c r="O17" s="287"/>
      <c r="P17" s="287"/>
      <c r="Q17" s="287"/>
      <c r="R17" s="287"/>
      <c r="S17" s="287"/>
      <c r="T17" s="176"/>
      <c r="V17" s="13" t="s">
        <v>0</v>
      </c>
      <c r="W17" s="13" t="s">
        <v>22</v>
      </c>
      <c r="X17" s="13" t="s">
        <v>0</v>
      </c>
      <c r="Y17" s="2"/>
    </row>
    <row r="18" spans="2:28" ht="24.75" customHeight="1" x14ac:dyDescent="0.15">
      <c r="B18" s="3"/>
      <c r="C18" s="291"/>
      <c r="D18" s="292"/>
      <c r="E18" s="293"/>
      <c r="F18" s="26" t="s">
        <v>342</v>
      </c>
      <c r="G18" s="287" t="s">
        <v>374</v>
      </c>
      <c r="H18" s="287"/>
      <c r="I18" s="287"/>
      <c r="J18" s="287"/>
      <c r="K18" s="287"/>
      <c r="L18" s="287"/>
      <c r="M18" s="287"/>
      <c r="N18" s="287"/>
      <c r="O18" s="287"/>
      <c r="P18" s="287"/>
      <c r="Q18" s="287"/>
      <c r="R18" s="287"/>
      <c r="S18" s="287"/>
      <c r="T18" s="176"/>
      <c r="V18" s="13" t="s">
        <v>0</v>
      </c>
      <c r="W18" s="13" t="s">
        <v>22</v>
      </c>
      <c r="X18" s="13" t="s">
        <v>0</v>
      </c>
      <c r="Y18" s="2"/>
    </row>
    <row r="19" spans="2:28" ht="41.25" customHeight="1" x14ac:dyDescent="0.15">
      <c r="B19" s="3"/>
      <c r="C19" s="294"/>
      <c r="D19" s="295"/>
      <c r="E19" s="296"/>
      <c r="F19" s="26" t="s">
        <v>24</v>
      </c>
      <c r="G19" s="287" t="s">
        <v>375</v>
      </c>
      <c r="H19" s="287"/>
      <c r="I19" s="287"/>
      <c r="J19" s="287"/>
      <c r="K19" s="287"/>
      <c r="L19" s="287"/>
      <c r="M19" s="287"/>
      <c r="N19" s="287"/>
      <c r="O19" s="287"/>
      <c r="P19" s="287"/>
      <c r="Q19" s="287"/>
      <c r="R19" s="287"/>
      <c r="S19" s="287"/>
      <c r="T19" s="176"/>
      <c r="V19" s="13" t="s">
        <v>0</v>
      </c>
      <c r="W19" s="13" t="s">
        <v>22</v>
      </c>
      <c r="X19" s="13" t="s">
        <v>0</v>
      </c>
      <c r="Y19" s="2"/>
    </row>
    <row r="20" spans="2:28" ht="18.75" customHeight="1" x14ac:dyDescent="0.15">
      <c r="B20" s="3"/>
      <c r="T20" s="35"/>
      <c r="Y20" s="35"/>
    </row>
    <row r="21" spans="2:28" ht="34.5" customHeight="1" x14ac:dyDescent="0.15">
      <c r="B21" s="3"/>
      <c r="C21" s="288" t="s">
        <v>376</v>
      </c>
      <c r="D21" s="289"/>
      <c r="E21" s="290"/>
      <c r="F21" s="26" t="s">
        <v>349</v>
      </c>
      <c r="G21" s="287" t="s">
        <v>377</v>
      </c>
      <c r="H21" s="287"/>
      <c r="I21" s="287"/>
      <c r="J21" s="287"/>
      <c r="K21" s="287"/>
      <c r="L21" s="287"/>
      <c r="M21" s="287"/>
      <c r="N21" s="287"/>
      <c r="O21" s="287"/>
      <c r="P21" s="287"/>
      <c r="Q21" s="287"/>
      <c r="R21" s="287"/>
      <c r="S21" s="287"/>
      <c r="T21" s="2"/>
      <c r="V21" s="13" t="s">
        <v>0</v>
      </c>
      <c r="W21" s="13" t="s">
        <v>22</v>
      </c>
      <c r="X21" s="13" t="s">
        <v>0</v>
      </c>
      <c r="Y21" s="2"/>
    </row>
    <row r="22" spans="2:28" ht="78" customHeight="1" x14ac:dyDescent="0.15">
      <c r="B22" s="3"/>
      <c r="C22" s="291"/>
      <c r="D22" s="292"/>
      <c r="E22" s="293"/>
      <c r="F22" s="26" t="s">
        <v>23</v>
      </c>
      <c r="G22" s="287" t="s">
        <v>378</v>
      </c>
      <c r="H22" s="287"/>
      <c r="I22" s="287"/>
      <c r="J22" s="287"/>
      <c r="K22" s="287"/>
      <c r="L22" s="287"/>
      <c r="M22" s="287"/>
      <c r="N22" s="287"/>
      <c r="O22" s="287"/>
      <c r="P22" s="287"/>
      <c r="Q22" s="287"/>
      <c r="R22" s="287"/>
      <c r="S22" s="287"/>
      <c r="T22" s="2"/>
      <c r="V22" s="13" t="s">
        <v>0</v>
      </c>
      <c r="W22" s="13" t="s">
        <v>22</v>
      </c>
      <c r="X22" s="13" t="s">
        <v>0</v>
      </c>
      <c r="Y22" s="2"/>
    </row>
    <row r="23" spans="2:28" ht="45.75" customHeight="1" x14ac:dyDescent="0.15">
      <c r="B23" s="3"/>
      <c r="C23" s="291"/>
      <c r="D23" s="292"/>
      <c r="E23" s="293"/>
      <c r="F23" s="26" t="s">
        <v>342</v>
      </c>
      <c r="G23" s="287" t="s">
        <v>379</v>
      </c>
      <c r="H23" s="287"/>
      <c r="I23" s="287"/>
      <c r="J23" s="287"/>
      <c r="K23" s="287"/>
      <c r="L23" s="287"/>
      <c r="M23" s="287"/>
      <c r="N23" s="287"/>
      <c r="O23" s="287"/>
      <c r="P23" s="287"/>
      <c r="Q23" s="287"/>
      <c r="R23" s="287"/>
      <c r="S23" s="287"/>
      <c r="T23" s="176"/>
      <c r="V23" s="13" t="s">
        <v>0</v>
      </c>
      <c r="W23" s="13" t="s">
        <v>22</v>
      </c>
      <c r="X23" s="13" t="s">
        <v>0</v>
      </c>
      <c r="Y23" s="2"/>
    </row>
    <row r="24" spans="2:28" ht="42.75" customHeight="1" x14ac:dyDescent="0.15">
      <c r="B24" s="3"/>
      <c r="C24" s="291"/>
      <c r="D24" s="292"/>
      <c r="E24" s="293"/>
      <c r="F24" s="26" t="s">
        <v>24</v>
      </c>
      <c r="G24" s="287" t="s">
        <v>380</v>
      </c>
      <c r="H24" s="287"/>
      <c r="I24" s="287"/>
      <c r="J24" s="287"/>
      <c r="K24" s="287"/>
      <c r="L24" s="287"/>
      <c r="M24" s="287"/>
      <c r="N24" s="287"/>
      <c r="O24" s="287"/>
      <c r="P24" s="287"/>
      <c r="Q24" s="287"/>
      <c r="R24" s="287"/>
      <c r="S24" s="287"/>
      <c r="T24" s="176"/>
      <c r="V24" s="13" t="s">
        <v>0</v>
      </c>
      <c r="W24" s="13" t="s">
        <v>22</v>
      </c>
      <c r="X24" s="13" t="s">
        <v>0</v>
      </c>
      <c r="Y24" s="2"/>
    </row>
    <row r="25" spans="2:28" ht="42" customHeight="1" x14ac:dyDescent="0.15">
      <c r="B25" s="3"/>
      <c r="C25" s="291"/>
      <c r="D25" s="292"/>
      <c r="E25" s="293"/>
      <c r="F25" s="26" t="s">
        <v>25</v>
      </c>
      <c r="G25" s="287" t="s">
        <v>381</v>
      </c>
      <c r="H25" s="287"/>
      <c r="I25" s="287"/>
      <c r="J25" s="287"/>
      <c r="K25" s="287"/>
      <c r="L25" s="287"/>
      <c r="M25" s="287"/>
      <c r="N25" s="287"/>
      <c r="O25" s="287"/>
      <c r="P25" s="287"/>
      <c r="Q25" s="287"/>
      <c r="R25" s="287"/>
      <c r="S25" s="287"/>
      <c r="T25" s="176"/>
      <c r="V25" s="13" t="s">
        <v>0</v>
      </c>
      <c r="W25" s="13" t="s">
        <v>22</v>
      </c>
      <c r="X25" s="13" t="s">
        <v>0</v>
      </c>
      <c r="Y25" s="2"/>
      <c r="Z25"/>
      <c r="AA25"/>
      <c r="AB25"/>
    </row>
    <row r="26" spans="2:28" ht="51" customHeight="1" x14ac:dyDescent="0.15">
      <c r="B26" s="3"/>
      <c r="C26" s="294"/>
      <c r="D26" s="295"/>
      <c r="E26" s="296"/>
      <c r="F26" s="26" t="s">
        <v>26</v>
      </c>
      <c r="G26" s="287" t="s">
        <v>375</v>
      </c>
      <c r="H26" s="287"/>
      <c r="I26" s="287"/>
      <c r="J26" s="287"/>
      <c r="K26" s="287"/>
      <c r="L26" s="287"/>
      <c r="M26" s="287"/>
      <c r="N26" s="287"/>
      <c r="O26" s="287"/>
      <c r="P26" s="287"/>
      <c r="Q26" s="287"/>
      <c r="R26" s="287"/>
      <c r="S26" s="287"/>
      <c r="T26" s="176"/>
      <c r="V26" s="13" t="s">
        <v>0</v>
      </c>
      <c r="W26" s="13" t="s">
        <v>22</v>
      </c>
      <c r="X26" s="13" t="s">
        <v>0</v>
      </c>
      <c r="Y26" s="2"/>
      <c r="Z26"/>
      <c r="AA26"/>
      <c r="AB26"/>
    </row>
    <row r="27" spans="2:28" ht="16.5" customHeight="1" x14ac:dyDescent="0.15">
      <c r="B27" s="3"/>
      <c r="T27" s="35"/>
      <c r="Y27" s="35"/>
    </row>
    <row r="28" spans="2:28" ht="27" customHeight="1" x14ac:dyDescent="0.15">
      <c r="B28" s="3"/>
      <c r="C28" s="288" t="s">
        <v>382</v>
      </c>
      <c r="D28" s="289"/>
      <c r="E28" s="290"/>
      <c r="F28" s="26" t="s">
        <v>349</v>
      </c>
      <c r="G28" s="297" t="s">
        <v>383</v>
      </c>
      <c r="H28" s="297"/>
      <c r="I28" s="297"/>
      <c r="J28" s="297"/>
      <c r="K28" s="297"/>
      <c r="L28" s="297"/>
      <c r="M28" s="297"/>
      <c r="N28" s="297"/>
      <c r="O28" s="297"/>
      <c r="P28" s="297"/>
      <c r="Q28" s="297"/>
      <c r="R28" s="297"/>
      <c r="S28" s="297"/>
      <c r="T28" s="2"/>
      <c r="V28" s="13" t="s">
        <v>0</v>
      </c>
      <c r="W28" s="13" t="s">
        <v>22</v>
      </c>
      <c r="X28" s="13" t="s">
        <v>0</v>
      </c>
      <c r="Y28" s="2"/>
    </row>
    <row r="29" spans="2:28" ht="24.75" customHeight="1" x14ac:dyDescent="0.15">
      <c r="B29" s="3"/>
      <c r="C29" s="291"/>
      <c r="D29" s="292"/>
      <c r="E29" s="293"/>
      <c r="F29" s="26" t="s">
        <v>23</v>
      </c>
      <c r="G29" s="297" t="s">
        <v>384</v>
      </c>
      <c r="H29" s="297"/>
      <c r="I29" s="297"/>
      <c r="J29" s="297"/>
      <c r="K29" s="297"/>
      <c r="L29" s="297"/>
      <c r="M29" s="297"/>
      <c r="N29" s="297"/>
      <c r="O29" s="297"/>
      <c r="P29" s="297"/>
      <c r="Q29" s="297"/>
      <c r="R29" s="297"/>
      <c r="S29" s="297"/>
      <c r="T29" s="2"/>
      <c r="V29" s="13" t="s">
        <v>0</v>
      </c>
      <c r="W29" s="13" t="s">
        <v>22</v>
      </c>
      <c r="X29" s="13" t="s">
        <v>0</v>
      </c>
      <c r="Y29" s="2"/>
    </row>
    <row r="30" spans="2:28" ht="45" customHeight="1" x14ac:dyDescent="0.15">
      <c r="B30" s="3"/>
      <c r="C30" s="291"/>
      <c r="D30" s="292"/>
      <c r="E30" s="293"/>
      <c r="F30" s="26" t="s">
        <v>342</v>
      </c>
      <c r="G30" s="287" t="s">
        <v>379</v>
      </c>
      <c r="H30" s="287"/>
      <c r="I30" s="287"/>
      <c r="J30" s="287"/>
      <c r="K30" s="287"/>
      <c r="L30" s="287"/>
      <c r="M30" s="287"/>
      <c r="N30" s="287"/>
      <c r="O30" s="287"/>
      <c r="P30" s="287"/>
      <c r="Q30" s="287"/>
      <c r="R30" s="287"/>
      <c r="S30" s="287"/>
      <c r="T30" s="176"/>
      <c r="V30" s="13" t="s">
        <v>0</v>
      </c>
      <c r="W30" s="13" t="s">
        <v>22</v>
      </c>
      <c r="X30" s="13" t="s">
        <v>0</v>
      </c>
      <c r="Y30" s="2"/>
    </row>
    <row r="31" spans="2:28" ht="40.5" customHeight="1" x14ac:dyDescent="0.15">
      <c r="B31" s="3"/>
      <c r="C31" s="291"/>
      <c r="D31" s="292"/>
      <c r="E31" s="293"/>
      <c r="F31" s="26" t="s">
        <v>24</v>
      </c>
      <c r="G31" s="287" t="s">
        <v>380</v>
      </c>
      <c r="H31" s="287"/>
      <c r="I31" s="287"/>
      <c r="J31" s="287"/>
      <c r="K31" s="287"/>
      <c r="L31" s="287"/>
      <c r="M31" s="287"/>
      <c r="N31" s="287"/>
      <c r="O31" s="287"/>
      <c r="P31" s="287"/>
      <c r="Q31" s="287"/>
      <c r="R31" s="287"/>
      <c r="S31" s="287"/>
      <c r="T31" s="176"/>
      <c r="V31" s="13" t="s">
        <v>0</v>
      </c>
      <c r="W31" s="13" t="s">
        <v>22</v>
      </c>
      <c r="X31" s="13" t="s">
        <v>0</v>
      </c>
      <c r="Y31" s="2"/>
    </row>
    <row r="32" spans="2:28" ht="41.25" customHeight="1" x14ac:dyDescent="0.15">
      <c r="B32" s="3"/>
      <c r="C32" s="291"/>
      <c r="D32" s="292"/>
      <c r="E32" s="293"/>
      <c r="F32" s="26" t="s">
        <v>25</v>
      </c>
      <c r="G32" s="287" t="s">
        <v>385</v>
      </c>
      <c r="H32" s="287"/>
      <c r="I32" s="287"/>
      <c r="J32" s="287"/>
      <c r="K32" s="287"/>
      <c r="L32" s="287"/>
      <c r="M32" s="287"/>
      <c r="N32" s="287"/>
      <c r="O32" s="287"/>
      <c r="P32" s="287"/>
      <c r="Q32" s="287"/>
      <c r="R32" s="287"/>
      <c r="S32" s="287"/>
      <c r="T32" s="176"/>
      <c r="V32" s="13" t="s">
        <v>0</v>
      </c>
      <c r="W32" s="13" t="s">
        <v>22</v>
      </c>
      <c r="X32" s="13" t="s">
        <v>0</v>
      </c>
      <c r="Y32" s="2"/>
      <c r="Z32"/>
      <c r="AA32"/>
      <c r="AB32"/>
    </row>
    <row r="33" spans="2:28" ht="45" customHeight="1" x14ac:dyDescent="0.15">
      <c r="B33" s="3"/>
      <c r="C33" s="294"/>
      <c r="D33" s="295"/>
      <c r="E33" s="296"/>
      <c r="F33" s="26" t="s">
        <v>26</v>
      </c>
      <c r="G33" s="287" t="s">
        <v>375</v>
      </c>
      <c r="H33" s="287"/>
      <c r="I33" s="287"/>
      <c r="J33" s="287"/>
      <c r="K33" s="287"/>
      <c r="L33" s="287"/>
      <c r="M33" s="287"/>
      <c r="N33" s="287"/>
      <c r="O33" s="287"/>
      <c r="P33" s="287"/>
      <c r="Q33" s="287"/>
      <c r="R33" s="287"/>
      <c r="S33" s="287"/>
      <c r="T33" s="176"/>
      <c r="V33" s="13" t="s">
        <v>0</v>
      </c>
      <c r="W33" s="13" t="s">
        <v>22</v>
      </c>
      <c r="X33" s="13" t="s">
        <v>0</v>
      </c>
      <c r="Y33" s="2"/>
      <c r="Z33"/>
      <c r="AA33"/>
      <c r="AB33"/>
    </row>
    <row r="34" spans="2:28" ht="17.25" customHeight="1" x14ac:dyDescent="0.15">
      <c r="B34" s="1"/>
      <c r="C34" s="6"/>
      <c r="D34" s="6"/>
      <c r="E34" s="6"/>
      <c r="F34" s="6"/>
      <c r="G34" s="6"/>
      <c r="H34" s="6"/>
      <c r="I34" s="6"/>
      <c r="J34" s="6"/>
      <c r="K34" s="6"/>
      <c r="L34" s="6"/>
      <c r="M34" s="6"/>
      <c r="N34" s="6"/>
      <c r="O34" s="6"/>
      <c r="P34" s="6"/>
      <c r="Q34" s="6"/>
      <c r="R34" s="6"/>
      <c r="S34" s="6"/>
      <c r="T34" s="5"/>
      <c r="U34" s="6"/>
      <c r="V34" s="6"/>
      <c r="W34" s="6"/>
      <c r="X34" s="6"/>
      <c r="Y34" s="5"/>
    </row>
    <row r="36" spans="2:28" x14ac:dyDescent="0.15">
      <c r="B36" s="34" t="s">
        <v>27</v>
      </c>
    </row>
    <row r="37" spans="2:28" x14ac:dyDescent="0.15">
      <c r="B37" s="34" t="s">
        <v>28</v>
      </c>
      <c r="K37"/>
      <c r="L37"/>
      <c r="M37"/>
      <c r="N37"/>
      <c r="O37"/>
      <c r="P37"/>
      <c r="Q37"/>
      <c r="R37"/>
      <c r="S37"/>
      <c r="T37"/>
      <c r="U37"/>
      <c r="V37"/>
      <c r="W37"/>
      <c r="X37"/>
      <c r="Y37"/>
    </row>
    <row r="122" spans="3:7" x14ac:dyDescent="0.15">
      <c r="C122" s="6"/>
      <c r="D122" s="6"/>
      <c r="E122" s="6"/>
      <c r="F122" s="6"/>
      <c r="G122" s="6"/>
    </row>
    <row r="123" spans="3:7" x14ac:dyDescent="0.15">
      <c r="C123" s="31"/>
    </row>
  </sheetData>
  <mergeCells count="25">
    <mergeCell ref="B9:F11"/>
    <mergeCell ref="B4:Y4"/>
    <mergeCell ref="B5:Y5"/>
    <mergeCell ref="B7:F7"/>
    <mergeCell ref="G7:Y7"/>
    <mergeCell ref="B8:F8"/>
    <mergeCell ref="C16:E19"/>
    <mergeCell ref="G16:S16"/>
    <mergeCell ref="G17:S17"/>
    <mergeCell ref="G18:S18"/>
    <mergeCell ref="G19:S19"/>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s>
  <phoneticPr fontId="3"/>
  <dataValidations count="1">
    <dataValidation type="list" allowBlank="1" showInputMessage="1" showErrorMessage="1" sqref="X28:X33 V16:V19 G8:G11 Q8 L8 X21:X26 X16:X19 V28:V33 V21:V26">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topLeftCell="A22" zoomScaleNormal="100" zoomScaleSheetLayoutView="85" workbookViewId="0">
      <selection activeCell="F61" sqref="F61"/>
    </sheetView>
  </sheetViews>
  <sheetFormatPr defaultColWidth="3.5" defaultRowHeight="13.5" x14ac:dyDescent="0.15"/>
  <cols>
    <col min="1" max="1" width="1.25" style="7" customWidth="1"/>
    <col min="2" max="2" width="3.125" style="102" customWidth="1"/>
    <col min="3" max="30" width="3.125" style="7" customWidth="1"/>
    <col min="31" max="31" width="1.25" style="7" customWidth="1"/>
    <col min="32" max="16384" width="3.5" style="7"/>
  </cols>
  <sheetData>
    <row r="1" spans="2:30" s="190" customFormat="1" x14ac:dyDescent="0.15"/>
    <row r="2" spans="2:30" s="190" customFormat="1" x14ac:dyDescent="0.15">
      <c r="B2" s="190" t="s">
        <v>412</v>
      </c>
    </row>
    <row r="3" spans="2:30" s="190" customFormat="1" x14ac:dyDescent="0.15">
      <c r="U3" s="12" t="s">
        <v>10</v>
      </c>
      <c r="V3" s="302"/>
      <c r="W3" s="302"/>
      <c r="X3" s="12" t="s">
        <v>9</v>
      </c>
      <c r="Y3" s="302"/>
      <c r="Z3" s="302"/>
      <c r="AA3" s="12" t="s">
        <v>8</v>
      </c>
      <c r="AB3" s="302"/>
      <c r="AC3" s="302"/>
      <c r="AD3" s="12" t="s">
        <v>30</v>
      </c>
    </row>
    <row r="4" spans="2:30" s="190" customFormat="1" x14ac:dyDescent="0.15">
      <c r="AD4" s="12"/>
    </row>
    <row r="5" spans="2:30" s="190" customFormat="1" x14ac:dyDescent="0.15">
      <c r="B5" s="302" t="s">
        <v>413</v>
      </c>
      <c r="C5" s="302"/>
      <c r="D5" s="302"/>
      <c r="E5" s="302"/>
      <c r="F5" s="302"/>
      <c r="G5" s="302"/>
      <c r="H5" s="302"/>
      <c r="I5" s="302"/>
      <c r="J5" s="302"/>
      <c r="K5" s="302"/>
      <c r="L5" s="302"/>
      <c r="M5" s="302"/>
      <c r="N5" s="302"/>
      <c r="O5" s="302"/>
      <c r="P5" s="302"/>
      <c r="Q5" s="302"/>
      <c r="R5" s="302"/>
      <c r="S5" s="302"/>
      <c r="T5" s="302"/>
      <c r="U5" s="302"/>
      <c r="V5" s="302"/>
      <c r="W5" s="302"/>
      <c r="X5" s="302"/>
      <c r="Y5" s="302"/>
      <c r="Z5" s="302"/>
      <c r="AA5" s="302"/>
      <c r="AB5" s="302"/>
      <c r="AC5" s="302"/>
      <c r="AD5" s="302"/>
    </row>
    <row r="6" spans="2:30" s="190" customFormat="1" x14ac:dyDescent="0.15">
      <c r="B6" s="302" t="s">
        <v>414</v>
      </c>
      <c r="C6" s="302"/>
      <c r="D6" s="302"/>
      <c r="E6" s="302"/>
      <c r="F6" s="302"/>
      <c r="G6" s="302"/>
      <c r="H6" s="302"/>
      <c r="I6" s="302"/>
      <c r="J6" s="302"/>
      <c r="K6" s="302"/>
      <c r="L6" s="302"/>
      <c r="M6" s="302"/>
      <c r="N6" s="302"/>
      <c r="O6" s="302"/>
      <c r="P6" s="302"/>
      <c r="Q6" s="302"/>
      <c r="R6" s="302"/>
      <c r="S6" s="302"/>
      <c r="T6" s="302"/>
      <c r="U6" s="302"/>
      <c r="V6" s="302"/>
      <c r="W6" s="302"/>
      <c r="X6" s="302"/>
      <c r="Y6" s="302"/>
      <c r="Z6" s="302"/>
      <c r="AA6" s="302"/>
      <c r="AB6" s="302"/>
      <c r="AC6" s="302"/>
      <c r="AD6" s="302"/>
    </row>
    <row r="7" spans="2:30" s="190" customFormat="1" x14ac:dyDescent="0.15"/>
    <row r="8" spans="2:30" s="190" customFormat="1" ht="23.25" customHeight="1" x14ac:dyDescent="0.15">
      <c r="B8" s="297" t="s">
        <v>415</v>
      </c>
      <c r="C8" s="297"/>
      <c r="D8" s="297"/>
      <c r="E8" s="297"/>
      <c r="F8" s="308"/>
      <c r="G8" s="350"/>
      <c r="H8" s="351"/>
      <c r="I8" s="351"/>
      <c r="J8" s="351"/>
      <c r="K8" s="351"/>
      <c r="L8" s="351"/>
      <c r="M8" s="351"/>
      <c r="N8" s="351"/>
      <c r="O8" s="351"/>
      <c r="P8" s="351"/>
      <c r="Q8" s="351"/>
      <c r="R8" s="351"/>
      <c r="S8" s="351"/>
      <c r="T8" s="351"/>
      <c r="U8" s="351"/>
      <c r="V8" s="351"/>
      <c r="W8" s="351"/>
      <c r="X8" s="351"/>
      <c r="Y8" s="351"/>
      <c r="Z8" s="351"/>
      <c r="AA8" s="351"/>
      <c r="AB8" s="351"/>
      <c r="AC8" s="351"/>
      <c r="AD8" s="352"/>
    </row>
    <row r="9" spans="2:30" ht="23.25" customHeight="1" x14ac:dyDescent="0.15">
      <c r="B9" s="308" t="s">
        <v>416</v>
      </c>
      <c r="C9" s="309"/>
      <c r="D9" s="309"/>
      <c r="E9" s="309"/>
      <c r="F9" s="309"/>
      <c r="G9" s="201" t="s">
        <v>0</v>
      </c>
      <c r="H9" s="193" t="s">
        <v>417</v>
      </c>
      <c r="I9" s="193"/>
      <c r="J9" s="193"/>
      <c r="K9" s="193"/>
      <c r="L9" s="202" t="s">
        <v>0</v>
      </c>
      <c r="M9" s="193" t="s">
        <v>418</v>
      </c>
      <c r="N9" s="193"/>
      <c r="O9" s="193"/>
      <c r="P9" s="193"/>
      <c r="Q9" s="202" t="s">
        <v>0</v>
      </c>
      <c r="R9" s="193" t="s">
        <v>419</v>
      </c>
      <c r="S9" s="203"/>
      <c r="T9" s="203"/>
      <c r="U9" s="203"/>
      <c r="V9" s="203"/>
      <c r="W9" s="203"/>
      <c r="X9" s="203"/>
      <c r="Y9" s="203"/>
      <c r="Z9" s="203"/>
      <c r="AA9" s="203"/>
      <c r="AB9" s="203"/>
      <c r="AC9" s="203"/>
      <c r="AD9" s="204"/>
    </row>
    <row r="10" spans="2:30" ht="23.25" customHeight="1" x14ac:dyDescent="0.15">
      <c r="B10" s="326" t="s">
        <v>420</v>
      </c>
      <c r="C10" s="327"/>
      <c r="D10" s="327"/>
      <c r="E10" s="327"/>
      <c r="F10" s="328"/>
      <c r="G10" s="201" t="s">
        <v>0</v>
      </c>
      <c r="H10" s="179" t="s">
        <v>421</v>
      </c>
      <c r="I10" s="193"/>
      <c r="J10" s="193"/>
      <c r="K10" s="193"/>
      <c r="L10" s="193"/>
      <c r="M10" s="193"/>
      <c r="N10" s="193"/>
      <c r="O10" s="193"/>
      <c r="P10" s="193"/>
      <c r="Q10" s="193"/>
      <c r="R10" s="193"/>
      <c r="S10" s="179"/>
      <c r="T10" s="202" t="s">
        <v>0</v>
      </c>
      <c r="U10" s="179" t="s">
        <v>422</v>
      </c>
      <c r="V10" s="203"/>
      <c r="W10" s="203"/>
      <c r="X10" s="203"/>
      <c r="Y10" s="203"/>
      <c r="Z10" s="203"/>
      <c r="AA10" s="203"/>
      <c r="AB10" s="203"/>
      <c r="AC10" s="203"/>
      <c r="AD10" s="204"/>
    </row>
    <row r="11" spans="2:30" ht="23.25" customHeight="1" x14ac:dyDescent="0.15">
      <c r="B11" s="326" t="s">
        <v>423</v>
      </c>
      <c r="C11" s="327"/>
      <c r="D11" s="327"/>
      <c r="E11" s="327"/>
      <c r="F11" s="328"/>
      <c r="G11" s="205" t="s">
        <v>0</v>
      </c>
      <c r="H11" s="187" t="s">
        <v>424</v>
      </c>
      <c r="I11" s="196"/>
      <c r="J11" s="196"/>
      <c r="K11" s="196"/>
      <c r="L11" s="196"/>
      <c r="M11" s="196"/>
      <c r="N11" s="196"/>
      <c r="O11" s="196"/>
      <c r="P11" s="196"/>
      <c r="Q11" s="196"/>
      <c r="R11" s="196"/>
      <c r="S11" s="206" t="s">
        <v>0</v>
      </c>
      <c r="T11" s="187" t="s">
        <v>425</v>
      </c>
      <c r="U11" s="187"/>
      <c r="V11" s="207"/>
      <c r="W11" s="207"/>
      <c r="X11" s="207"/>
      <c r="Y11" s="207"/>
      <c r="Z11" s="207"/>
      <c r="AA11" s="207"/>
      <c r="AB11" s="207"/>
      <c r="AC11" s="207"/>
      <c r="AD11" s="208"/>
    </row>
    <row r="12" spans="2:30" ht="23.25" customHeight="1" x14ac:dyDescent="0.15">
      <c r="B12" s="329"/>
      <c r="C12" s="330"/>
      <c r="D12" s="330"/>
      <c r="E12" s="330"/>
      <c r="F12" s="331"/>
      <c r="G12" s="209" t="s">
        <v>0</v>
      </c>
      <c r="H12" s="188" t="s">
        <v>426</v>
      </c>
      <c r="I12" s="210"/>
      <c r="J12" s="210"/>
      <c r="K12" s="210"/>
      <c r="L12" s="210"/>
      <c r="M12" s="210"/>
      <c r="N12" s="210"/>
      <c r="O12" s="210"/>
      <c r="P12" s="210"/>
      <c r="Q12" s="210"/>
      <c r="R12" s="210"/>
      <c r="S12" s="211"/>
      <c r="T12" s="212"/>
      <c r="U12" s="212"/>
      <c r="V12" s="212"/>
      <c r="W12" s="212"/>
      <c r="X12" s="212"/>
      <c r="Y12" s="212"/>
      <c r="Z12" s="212"/>
      <c r="AA12" s="212"/>
      <c r="AB12" s="212"/>
      <c r="AC12" s="212"/>
      <c r="AD12" s="213"/>
    </row>
    <row r="13" spans="2:30" s="190" customFormat="1" ht="9" customHeight="1" x14ac:dyDescent="0.15"/>
    <row r="14" spans="2:30" s="190" customFormat="1" x14ac:dyDescent="0.15">
      <c r="B14" s="332" t="s">
        <v>427</v>
      </c>
      <c r="C14" s="333"/>
      <c r="D14" s="333"/>
      <c r="E14" s="333"/>
      <c r="F14" s="334"/>
      <c r="G14" s="341"/>
      <c r="H14" s="342"/>
      <c r="I14" s="342"/>
      <c r="J14" s="342"/>
      <c r="K14" s="342"/>
      <c r="L14" s="342"/>
      <c r="M14" s="342"/>
      <c r="N14" s="342"/>
      <c r="O14" s="342"/>
      <c r="P14" s="342"/>
      <c r="Q14" s="342"/>
      <c r="R14" s="342"/>
      <c r="S14" s="342"/>
      <c r="T14" s="342"/>
      <c r="U14" s="342"/>
      <c r="V14" s="342"/>
      <c r="W14" s="342"/>
      <c r="X14" s="342"/>
      <c r="Y14" s="343"/>
      <c r="Z14" s="214"/>
      <c r="AA14" s="169" t="s">
        <v>20</v>
      </c>
      <c r="AB14" s="169" t="s">
        <v>428</v>
      </c>
      <c r="AC14" s="169" t="s">
        <v>21</v>
      </c>
      <c r="AD14" s="215"/>
    </row>
    <row r="15" spans="2:30" s="190" customFormat="1" ht="27" customHeight="1" x14ac:dyDescent="0.15">
      <c r="B15" s="335"/>
      <c r="C15" s="336"/>
      <c r="D15" s="336"/>
      <c r="E15" s="336"/>
      <c r="F15" s="337"/>
      <c r="G15" s="344" t="s">
        <v>429</v>
      </c>
      <c r="H15" s="345"/>
      <c r="I15" s="345"/>
      <c r="J15" s="345"/>
      <c r="K15" s="345"/>
      <c r="L15" s="345"/>
      <c r="M15" s="345"/>
      <c r="N15" s="345"/>
      <c r="O15" s="345"/>
      <c r="P15" s="345"/>
      <c r="Q15" s="345"/>
      <c r="R15" s="345"/>
      <c r="S15" s="345"/>
      <c r="T15" s="345"/>
      <c r="U15" s="345"/>
      <c r="V15" s="345"/>
      <c r="W15" s="345"/>
      <c r="X15" s="345"/>
      <c r="Y15" s="346"/>
      <c r="Z15" s="197"/>
      <c r="AA15" s="216" t="s">
        <v>0</v>
      </c>
      <c r="AB15" s="216" t="s">
        <v>430</v>
      </c>
      <c r="AC15" s="216" t="s">
        <v>0</v>
      </c>
      <c r="AD15" s="2"/>
    </row>
    <row r="16" spans="2:30" s="190" customFormat="1" ht="27" customHeight="1" x14ac:dyDescent="0.15">
      <c r="B16" s="338"/>
      <c r="C16" s="339"/>
      <c r="D16" s="339"/>
      <c r="E16" s="339"/>
      <c r="F16" s="340"/>
      <c r="G16" s="347" t="s">
        <v>431</v>
      </c>
      <c r="H16" s="348"/>
      <c r="I16" s="348"/>
      <c r="J16" s="348"/>
      <c r="K16" s="348"/>
      <c r="L16" s="348"/>
      <c r="M16" s="348"/>
      <c r="N16" s="348"/>
      <c r="O16" s="348"/>
      <c r="P16" s="348"/>
      <c r="Q16" s="348"/>
      <c r="R16" s="348"/>
      <c r="S16" s="348"/>
      <c r="T16" s="348"/>
      <c r="U16" s="348"/>
      <c r="V16" s="348"/>
      <c r="W16" s="348"/>
      <c r="X16" s="348"/>
      <c r="Y16" s="349"/>
      <c r="Z16" s="217"/>
      <c r="AA16" s="218" t="s">
        <v>0</v>
      </c>
      <c r="AB16" s="218" t="s">
        <v>430</v>
      </c>
      <c r="AC16" s="218" t="s">
        <v>0</v>
      </c>
      <c r="AD16" s="219"/>
    </row>
    <row r="17" spans="2:30" s="190" customFormat="1" ht="9" customHeight="1" x14ac:dyDescent="0.15"/>
    <row r="18" spans="2:30" s="190" customFormat="1" x14ac:dyDescent="0.15">
      <c r="B18" s="190" t="s">
        <v>432</v>
      </c>
    </row>
    <row r="19" spans="2:30" s="190" customFormat="1" x14ac:dyDescent="0.15">
      <c r="B19" s="190" t="s">
        <v>433</v>
      </c>
      <c r="AC19" s="4"/>
      <c r="AD19" s="4"/>
    </row>
    <row r="20" spans="2:30" s="190" customFormat="1" ht="4.5" customHeight="1" x14ac:dyDescent="0.15"/>
    <row r="21" spans="2:30" s="190" customFormat="1" ht="4.5" customHeight="1" x14ac:dyDescent="0.15">
      <c r="B21" s="288" t="s">
        <v>434</v>
      </c>
      <c r="C21" s="289"/>
      <c r="D21" s="289"/>
      <c r="E21" s="289"/>
      <c r="F21" s="290"/>
      <c r="G21" s="195"/>
      <c r="H21" s="187"/>
      <c r="I21" s="187"/>
      <c r="J21" s="187"/>
      <c r="K21" s="187"/>
      <c r="L21" s="187"/>
      <c r="M21" s="187"/>
      <c r="N21" s="187"/>
      <c r="O21" s="187"/>
      <c r="P21" s="187"/>
      <c r="Q21" s="187"/>
      <c r="R21" s="187"/>
      <c r="S21" s="187"/>
      <c r="T21" s="187"/>
      <c r="U21" s="187"/>
      <c r="V21" s="187"/>
      <c r="W21" s="187"/>
      <c r="X21" s="187"/>
      <c r="Y21" s="187"/>
      <c r="Z21" s="195"/>
      <c r="AA21" s="187"/>
      <c r="AB21" s="187"/>
      <c r="AC21" s="196"/>
      <c r="AD21" s="215"/>
    </row>
    <row r="22" spans="2:30" s="190" customFormat="1" ht="15.75" customHeight="1" x14ac:dyDescent="0.15">
      <c r="B22" s="291"/>
      <c r="C22" s="292"/>
      <c r="D22" s="292"/>
      <c r="E22" s="292"/>
      <c r="F22" s="293"/>
      <c r="G22" s="3"/>
      <c r="H22" s="190" t="s">
        <v>435</v>
      </c>
      <c r="Z22" s="3"/>
      <c r="AA22" s="33" t="s">
        <v>20</v>
      </c>
      <c r="AB22" s="33" t="s">
        <v>428</v>
      </c>
      <c r="AC22" s="33" t="s">
        <v>21</v>
      </c>
      <c r="AD22" s="220"/>
    </row>
    <row r="23" spans="2:30" s="190" customFormat="1" ht="29.25" customHeight="1" x14ac:dyDescent="0.15">
      <c r="B23" s="291"/>
      <c r="C23" s="292"/>
      <c r="D23" s="292"/>
      <c r="E23" s="292"/>
      <c r="F23" s="293"/>
      <c r="G23" s="3"/>
      <c r="I23" s="178" t="s">
        <v>436</v>
      </c>
      <c r="J23" s="314" t="s">
        <v>437</v>
      </c>
      <c r="K23" s="315"/>
      <c r="L23" s="315"/>
      <c r="M23" s="315"/>
      <c r="N23" s="315"/>
      <c r="O23" s="315"/>
      <c r="P23" s="315"/>
      <c r="Q23" s="315"/>
      <c r="R23" s="315"/>
      <c r="S23" s="315"/>
      <c r="T23" s="315"/>
      <c r="U23" s="324"/>
      <c r="V23" s="307"/>
      <c r="W23" s="316"/>
      <c r="X23" s="180" t="s">
        <v>220</v>
      </c>
      <c r="Z23" s="3"/>
      <c r="AA23" s="192"/>
      <c r="AB23" s="177"/>
      <c r="AC23" s="192"/>
      <c r="AD23" s="2"/>
    </row>
    <row r="24" spans="2:30" s="190" customFormat="1" ht="15.75" customHeight="1" x14ac:dyDescent="0.15">
      <c r="B24" s="291"/>
      <c r="C24" s="292"/>
      <c r="D24" s="292"/>
      <c r="E24" s="292"/>
      <c r="F24" s="293"/>
      <c r="G24" s="3"/>
      <c r="I24" s="221" t="s">
        <v>438</v>
      </c>
      <c r="J24" s="222" t="s">
        <v>439</v>
      </c>
      <c r="K24" s="188"/>
      <c r="L24" s="188"/>
      <c r="M24" s="188"/>
      <c r="N24" s="188"/>
      <c r="O24" s="188"/>
      <c r="P24" s="188"/>
      <c r="Q24" s="188"/>
      <c r="R24" s="188"/>
      <c r="S24" s="188"/>
      <c r="T24" s="188"/>
      <c r="U24" s="189"/>
      <c r="V24" s="307"/>
      <c r="W24" s="316"/>
      <c r="X24" s="189" t="s">
        <v>220</v>
      </c>
      <c r="Y24" s="223"/>
      <c r="Z24" s="197"/>
      <c r="AA24" s="216" t="s">
        <v>0</v>
      </c>
      <c r="AB24" s="216" t="s">
        <v>22</v>
      </c>
      <c r="AC24" s="216" t="s">
        <v>0</v>
      </c>
      <c r="AD24" s="2"/>
    </row>
    <row r="25" spans="2:30" s="190" customFormat="1" ht="24" customHeight="1" x14ac:dyDescent="0.15">
      <c r="B25" s="291"/>
      <c r="C25" s="292"/>
      <c r="D25" s="292"/>
      <c r="E25" s="292"/>
      <c r="F25" s="293"/>
      <c r="G25" s="3"/>
      <c r="I25" s="323" t="s">
        <v>440</v>
      </c>
      <c r="J25" s="323"/>
      <c r="K25" s="323"/>
      <c r="L25" s="323"/>
      <c r="M25" s="323"/>
      <c r="N25" s="323"/>
      <c r="O25" s="323"/>
      <c r="P25" s="323"/>
      <c r="Q25" s="323"/>
      <c r="R25" s="323"/>
      <c r="S25" s="323"/>
      <c r="T25" s="323"/>
      <c r="U25" s="323"/>
      <c r="V25" s="323"/>
      <c r="W25" s="323"/>
      <c r="X25" s="323"/>
      <c r="Y25" s="223"/>
      <c r="Z25" s="185"/>
      <c r="AA25" s="177"/>
      <c r="AB25" s="177"/>
      <c r="AC25" s="177"/>
      <c r="AD25" s="186"/>
    </row>
    <row r="26" spans="2:30" s="190" customFormat="1" x14ac:dyDescent="0.15">
      <c r="B26" s="291"/>
      <c r="C26" s="292"/>
      <c r="D26" s="292"/>
      <c r="E26" s="292"/>
      <c r="F26" s="293"/>
      <c r="G26" s="3"/>
      <c r="H26" s="190" t="s">
        <v>441</v>
      </c>
      <c r="Z26" s="3"/>
      <c r="AC26" s="4"/>
      <c r="AD26" s="2"/>
    </row>
    <row r="27" spans="2:30" s="190" customFormat="1" ht="15.75" customHeight="1" x14ac:dyDescent="0.15">
      <c r="B27" s="291"/>
      <c r="C27" s="292"/>
      <c r="D27" s="292"/>
      <c r="E27" s="292"/>
      <c r="F27" s="293"/>
      <c r="G27" s="3"/>
      <c r="H27" s="190" t="s">
        <v>442</v>
      </c>
      <c r="T27" s="223"/>
      <c r="V27" s="223"/>
      <c r="Z27" s="3"/>
      <c r="AC27" s="4"/>
      <c r="AD27" s="2"/>
    </row>
    <row r="28" spans="2:30" s="190" customFormat="1" ht="29.25" customHeight="1" x14ac:dyDescent="0.15">
      <c r="B28" s="291"/>
      <c r="C28" s="292"/>
      <c r="D28" s="292"/>
      <c r="E28" s="292"/>
      <c r="F28" s="293"/>
      <c r="G28" s="3"/>
      <c r="I28" s="178" t="s">
        <v>443</v>
      </c>
      <c r="J28" s="325" t="s">
        <v>444</v>
      </c>
      <c r="K28" s="325"/>
      <c r="L28" s="325"/>
      <c r="M28" s="325"/>
      <c r="N28" s="325"/>
      <c r="O28" s="325"/>
      <c r="P28" s="325"/>
      <c r="Q28" s="325"/>
      <c r="R28" s="325"/>
      <c r="S28" s="325"/>
      <c r="T28" s="325"/>
      <c r="U28" s="325"/>
      <c r="V28" s="307"/>
      <c r="W28" s="316"/>
      <c r="X28" s="180" t="s">
        <v>220</v>
      </c>
      <c r="Y28" s="223"/>
      <c r="Z28" s="197"/>
      <c r="AA28" s="216" t="s">
        <v>0</v>
      </c>
      <c r="AB28" s="216" t="s">
        <v>445</v>
      </c>
      <c r="AC28" s="216" t="s">
        <v>0</v>
      </c>
      <c r="AD28" s="2"/>
    </row>
    <row r="29" spans="2:30" s="190" customFormat="1" ht="4.5" customHeight="1" x14ac:dyDescent="0.15">
      <c r="B29" s="294"/>
      <c r="C29" s="295"/>
      <c r="D29" s="295"/>
      <c r="E29" s="295"/>
      <c r="F29" s="296"/>
      <c r="G29" s="194"/>
      <c r="H29" s="188"/>
      <c r="I29" s="188"/>
      <c r="J29" s="188"/>
      <c r="K29" s="188"/>
      <c r="L29" s="188"/>
      <c r="M29" s="188"/>
      <c r="N29" s="188"/>
      <c r="O29" s="188"/>
      <c r="P29" s="188"/>
      <c r="Q29" s="188"/>
      <c r="R29" s="188"/>
      <c r="S29" s="188"/>
      <c r="T29" s="224"/>
      <c r="U29" s="224"/>
      <c r="V29" s="188"/>
      <c r="W29" s="188"/>
      <c r="X29" s="188"/>
      <c r="Y29" s="188"/>
      <c r="Z29" s="194"/>
      <c r="AA29" s="188"/>
      <c r="AB29" s="188"/>
      <c r="AC29" s="210"/>
      <c r="AD29" s="219"/>
    </row>
    <row r="30" spans="2:30" s="190" customFormat="1" ht="7.5" customHeight="1" x14ac:dyDescent="0.15">
      <c r="B30" s="184"/>
      <c r="C30" s="184"/>
      <c r="D30" s="184"/>
      <c r="E30" s="184"/>
      <c r="F30" s="184"/>
      <c r="T30" s="223"/>
      <c r="U30" s="223"/>
    </row>
    <row r="31" spans="2:30" s="190" customFormat="1" x14ac:dyDescent="0.15">
      <c r="B31" s="190" t="s">
        <v>446</v>
      </c>
      <c r="C31" s="184"/>
      <c r="D31" s="184"/>
      <c r="E31" s="184"/>
      <c r="F31" s="184"/>
      <c r="T31" s="223"/>
      <c r="U31" s="223"/>
    </row>
    <row r="32" spans="2:30" s="190" customFormat="1" ht="4.5" customHeight="1" x14ac:dyDescent="0.15">
      <c r="B32" s="184"/>
      <c r="C32" s="184"/>
      <c r="D32" s="184"/>
      <c r="E32" s="184"/>
      <c r="F32" s="184"/>
      <c r="T32" s="223"/>
      <c r="U32" s="223"/>
    </row>
    <row r="33" spans="1:31" s="190" customFormat="1" ht="4.5" customHeight="1" x14ac:dyDescent="0.15">
      <c r="B33" s="288" t="s">
        <v>434</v>
      </c>
      <c r="C33" s="289"/>
      <c r="D33" s="289"/>
      <c r="E33" s="289"/>
      <c r="F33" s="290"/>
      <c r="G33" s="195"/>
      <c r="H33" s="187"/>
      <c r="I33" s="187"/>
      <c r="J33" s="187"/>
      <c r="K33" s="187"/>
      <c r="L33" s="187"/>
      <c r="M33" s="187"/>
      <c r="N33" s="187"/>
      <c r="O33" s="187"/>
      <c r="P33" s="187"/>
      <c r="Q33" s="187"/>
      <c r="R33" s="187"/>
      <c r="S33" s="187"/>
      <c r="T33" s="187"/>
      <c r="U33" s="187"/>
      <c r="V33" s="187"/>
      <c r="W33" s="187"/>
      <c r="X33" s="187"/>
      <c r="Y33" s="187"/>
      <c r="Z33" s="195"/>
      <c r="AA33" s="187"/>
      <c r="AB33" s="187"/>
      <c r="AC33" s="196"/>
      <c r="AD33" s="215"/>
    </row>
    <row r="34" spans="1:31" s="190" customFormat="1" ht="16.5" customHeight="1" x14ac:dyDescent="0.15">
      <c r="B34" s="291"/>
      <c r="C34" s="292"/>
      <c r="D34" s="292"/>
      <c r="E34" s="292"/>
      <c r="F34" s="293"/>
      <c r="G34" s="3"/>
      <c r="H34" s="190" t="s">
        <v>447</v>
      </c>
      <c r="V34" s="177"/>
      <c r="W34" s="177"/>
      <c r="Z34" s="3"/>
      <c r="AA34" s="33" t="s">
        <v>20</v>
      </c>
      <c r="AB34" s="33" t="s">
        <v>428</v>
      </c>
      <c r="AC34" s="33" t="s">
        <v>21</v>
      </c>
      <c r="AD34" s="220"/>
    </row>
    <row r="35" spans="1:31" s="190" customFormat="1" ht="29.25" customHeight="1" x14ac:dyDescent="0.15">
      <c r="B35" s="291"/>
      <c r="C35" s="292"/>
      <c r="D35" s="292"/>
      <c r="E35" s="292"/>
      <c r="F35" s="293"/>
      <c r="G35" s="3"/>
      <c r="I35" s="178" t="s">
        <v>436</v>
      </c>
      <c r="J35" s="320" t="s">
        <v>437</v>
      </c>
      <c r="K35" s="321"/>
      <c r="L35" s="321"/>
      <c r="M35" s="321"/>
      <c r="N35" s="321"/>
      <c r="O35" s="321"/>
      <c r="P35" s="321"/>
      <c r="Q35" s="321"/>
      <c r="R35" s="321"/>
      <c r="S35" s="321"/>
      <c r="T35" s="321"/>
      <c r="U35" s="179"/>
      <c r="V35" s="316"/>
      <c r="W35" s="322"/>
      <c r="X35" s="180" t="s">
        <v>220</v>
      </c>
      <c r="Z35" s="3"/>
      <c r="AA35" s="192"/>
      <c r="AB35" s="177"/>
      <c r="AC35" s="192"/>
      <c r="AD35" s="2"/>
    </row>
    <row r="36" spans="1:31" s="190" customFormat="1" ht="15.75" customHeight="1" x14ac:dyDescent="0.15">
      <c r="B36" s="291"/>
      <c r="C36" s="292"/>
      <c r="D36" s="292"/>
      <c r="E36" s="292"/>
      <c r="F36" s="293"/>
      <c r="G36" s="3"/>
      <c r="I36" s="221" t="s">
        <v>438</v>
      </c>
      <c r="J36" s="212" t="s">
        <v>439</v>
      </c>
      <c r="K36" s="188"/>
      <c r="L36" s="188"/>
      <c r="M36" s="188"/>
      <c r="N36" s="188"/>
      <c r="O36" s="188"/>
      <c r="P36" s="188"/>
      <c r="Q36" s="188"/>
      <c r="R36" s="188"/>
      <c r="S36" s="188"/>
      <c r="T36" s="188"/>
      <c r="U36" s="188"/>
      <c r="V36" s="304"/>
      <c r="W36" s="305"/>
      <c r="X36" s="189" t="s">
        <v>220</v>
      </c>
      <c r="Y36" s="223"/>
      <c r="Z36" s="197"/>
      <c r="AA36" s="216" t="s">
        <v>0</v>
      </c>
      <c r="AB36" s="216" t="s">
        <v>445</v>
      </c>
      <c r="AC36" s="216" t="s">
        <v>0</v>
      </c>
      <c r="AD36" s="2"/>
    </row>
    <row r="37" spans="1:31" s="190" customFormat="1" ht="24" customHeight="1" x14ac:dyDescent="0.15">
      <c r="B37" s="291"/>
      <c r="C37" s="292"/>
      <c r="D37" s="292"/>
      <c r="E37" s="292"/>
      <c r="F37" s="293"/>
      <c r="G37" s="3"/>
      <c r="I37" s="323" t="s">
        <v>440</v>
      </c>
      <c r="J37" s="323"/>
      <c r="K37" s="323"/>
      <c r="L37" s="323"/>
      <c r="M37" s="323"/>
      <c r="N37" s="323"/>
      <c r="O37" s="323"/>
      <c r="P37" s="323"/>
      <c r="Q37" s="323"/>
      <c r="R37" s="323"/>
      <c r="S37" s="323"/>
      <c r="T37" s="323"/>
      <c r="U37" s="323"/>
      <c r="V37" s="323"/>
      <c r="W37" s="323"/>
      <c r="X37" s="323"/>
      <c r="Y37" s="223"/>
      <c r="Z37" s="185"/>
      <c r="AA37" s="177"/>
      <c r="AB37" s="177"/>
      <c r="AC37" s="177"/>
      <c r="AD37" s="186"/>
    </row>
    <row r="38" spans="1:31" s="190" customFormat="1" ht="4.5" customHeight="1" x14ac:dyDescent="0.15">
      <c r="A38" s="191"/>
      <c r="B38" s="295"/>
      <c r="C38" s="295"/>
      <c r="D38" s="295"/>
      <c r="E38" s="295"/>
      <c r="F38" s="296"/>
      <c r="G38" s="194"/>
      <c r="H38" s="188"/>
      <c r="I38" s="188"/>
      <c r="J38" s="188"/>
      <c r="K38" s="188"/>
      <c r="L38" s="188"/>
      <c r="M38" s="188"/>
      <c r="N38" s="188"/>
      <c r="O38" s="188"/>
      <c r="P38" s="188"/>
      <c r="Q38" s="188"/>
      <c r="R38" s="188"/>
      <c r="S38" s="188"/>
      <c r="T38" s="224"/>
      <c r="U38" s="224"/>
      <c r="V38" s="188"/>
      <c r="W38" s="188"/>
      <c r="X38" s="188"/>
      <c r="Y38" s="188"/>
      <c r="Z38" s="194"/>
      <c r="AA38" s="188"/>
      <c r="AB38" s="188"/>
      <c r="AC38" s="210"/>
      <c r="AD38" s="219"/>
      <c r="AE38" s="3"/>
    </row>
    <row r="39" spans="1:31" s="190" customFormat="1" ht="7.5" customHeight="1" x14ac:dyDescent="0.15">
      <c r="B39" s="184"/>
      <c r="C39" s="183"/>
      <c r="D39" s="184"/>
      <c r="E39" s="184"/>
      <c r="F39" s="184"/>
      <c r="T39" s="223"/>
      <c r="U39" s="223"/>
    </row>
    <row r="40" spans="1:31" s="190" customFormat="1" ht="13.5" customHeight="1" x14ac:dyDescent="0.15">
      <c r="B40" s="190" t="s">
        <v>448</v>
      </c>
      <c r="C40" s="184"/>
      <c r="D40" s="184"/>
      <c r="E40" s="184"/>
      <c r="F40" s="184"/>
      <c r="T40" s="223"/>
      <c r="U40" s="223"/>
    </row>
    <row r="41" spans="1:31" s="190" customFormat="1" x14ac:dyDescent="0.15">
      <c r="B41" s="225" t="s">
        <v>449</v>
      </c>
      <c r="C41" s="200"/>
      <c r="D41" s="184"/>
      <c r="E41" s="184"/>
      <c r="F41" s="184"/>
      <c r="T41" s="223"/>
      <c r="U41" s="223"/>
    </row>
    <row r="42" spans="1:31" s="190" customFormat="1" ht="4.5" customHeight="1" x14ac:dyDescent="0.15">
      <c r="B42" s="288" t="s">
        <v>434</v>
      </c>
      <c r="C42" s="289"/>
      <c r="D42" s="289"/>
      <c r="E42" s="289"/>
      <c r="F42" s="290"/>
      <c r="G42" s="195"/>
      <c r="H42" s="187"/>
      <c r="I42" s="187"/>
      <c r="J42" s="187"/>
      <c r="K42" s="187"/>
      <c r="L42" s="187"/>
      <c r="M42" s="187"/>
      <c r="N42" s="187"/>
      <c r="O42" s="187"/>
      <c r="P42" s="187"/>
      <c r="Q42" s="187"/>
      <c r="R42" s="187"/>
      <c r="S42" s="187"/>
      <c r="T42" s="187"/>
      <c r="U42" s="187"/>
      <c r="V42" s="187"/>
      <c r="W42" s="187"/>
      <c r="X42" s="187"/>
      <c r="Y42" s="187"/>
      <c r="Z42" s="195"/>
      <c r="AA42" s="187"/>
      <c r="AB42" s="187"/>
      <c r="AC42" s="196"/>
      <c r="AD42" s="215"/>
    </row>
    <row r="43" spans="1:31" s="190" customFormat="1" ht="15.75" customHeight="1" x14ac:dyDescent="0.15">
      <c r="B43" s="291"/>
      <c r="C43" s="292"/>
      <c r="D43" s="292"/>
      <c r="E43" s="292"/>
      <c r="F43" s="293"/>
      <c r="G43" s="3"/>
      <c r="H43" s="190" t="s">
        <v>450</v>
      </c>
      <c r="Z43" s="3"/>
      <c r="AA43" s="33" t="s">
        <v>20</v>
      </c>
      <c r="AB43" s="33" t="s">
        <v>428</v>
      </c>
      <c r="AC43" s="33" t="s">
        <v>21</v>
      </c>
      <c r="AD43" s="220"/>
    </row>
    <row r="44" spans="1:31" s="190" customFormat="1" ht="29.25" customHeight="1" x14ac:dyDescent="0.15">
      <c r="B44" s="291"/>
      <c r="C44" s="292"/>
      <c r="D44" s="292"/>
      <c r="E44" s="292"/>
      <c r="F44" s="293"/>
      <c r="G44" s="3"/>
      <c r="I44" s="178" t="s">
        <v>436</v>
      </c>
      <c r="J44" s="320" t="s">
        <v>437</v>
      </c>
      <c r="K44" s="321"/>
      <c r="L44" s="321"/>
      <c r="M44" s="321"/>
      <c r="N44" s="321"/>
      <c r="O44" s="321"/>
      <c r="P44" s="321"/>
      <c r="Q44" s="321"/>
      <c r="R44" s="321"/>
      <c r="S44" s="321"/>
      <c r="T44" s="321"/>
      <c r="U44" s="180"/>
      <c r="V44" s="307"/>
      <c r="W44" s="316"/>
      <c r="X44" s="180" t="s">
        <v>220</v>
      </c>
      <c r="Z44" s="3"/>
      <c r="AA44" s="192"/>
      <c r="AB44" s="177"/>
      <c r="AC44" s="192"/>
      <c r="AD44" s="2"/>
    </row>
    <row r="45" spans="1:31" s="190" customFormat="1" ht="15.75" customHeight="1" x14ac:dyDescent="0.15">
      <c r="B45" s="291"/>
      <c r="C45" s="292"/>
      <c r="D45" s="292"/>
      <c r="E45" s="292"/>
      <c r="F45" s="293"/>
      <c r="G45" s="3"/>
      <c r="I45" s="221" t="s">
        <v>438</v>
      </c>
      <c r="J45" s="212" t="s">
        <v>439</v>
      </c>
      <c r="K45" s="188"/>
      <c r="L45" s="188"/>
      <c r="M45" s="188"/>
      <c r="N45" s="188"/>
      <c r="O45" s="188"/>
      <c r="P45" s="188"/>
      <c r="Q45" s="188"/>
      <c r="R45" s="188"/>
      <c r="S45" s="188"/>
      <c r="T45" s="188"/>
      <c r="U45" s="189"/>
      <c r="V45" s="307"/>
      <c r="W45" s="316"/>
      <c r="X45" s="189" t="s">
        <v>220</v>
      </c>
      <c r="Y45" s="223"/>
      <c r="Z45" s="197"/>
      <c r="AA45" s="216" t="s">
        <v>0</v>
      </c>
      <c r="AB45" s="216" t="s">
        <v>445</v>
      </c>
      <c r="AC45" s="216" t="s">
        <v>0</v>
      </c>
      <c r="AD45" s="2"/>
    </row>
    <row r="46" spans="1:31" s="190" customFormat="1" ht="24" customHeight="1" x14ac:dyDescent="0.15">
      <c r="B46" s="291"/>
      <c r="C46" s="292"/>
      <c r="D46" s="292"/>
      <c r="E46" s="292"/>
      <c r="F46" s="293"/>
      <c r="G46" s="3"/>
      <c r="I46" s="323" t="s">
        <v>440</v>
      </c>
      <c r="J46" s="323"/>
      <c r="K46" s="323"/>
      <c r="L46" s="323"/>
      <c r="M46" s="323"/>
      <c r="N46" s="323"/>
      <c r="O46" s="323"/>
      <c r="P46" s="323"/>
      <c r="Q46" s="323"/>
      <c r="R46" s="323"/>
      <c r="S46" s="323"/>
      <c r="T46" s="323"/>
      <c r="U46" s="323"/>
      <c r="V46" s="323"/>
      <c r="W46" s="323"/>
      <c r="X46" s="323"/>
      <c r="Y46" s="223"/>
      <c r="Z46" s="185"/>
      <c r="AA46" s="177"/>
      <c r="AB46" s="177"/>
      <c r="AC46" s="177"/>
      <c r="AD46" s="186"/>
    </row>
    <row r="47" spans="1:31" s="190" customFormat="1" ht="4.5" customHeight="1" x14ac:dyDescent="0.15">
      <c r="B47" s="294"/>
      <c r="C47" s="295"/>
      <c r="D47" s="295"/>
      <c r="E47" s="295"/>
      <c r="F47" s="296"/>
      <c r="G47" s="194"/>
      <c r="H47" s="188"/>
      <c r="I47" s="188"/>
      <c r="J47" s="188"/>
      <c r="K47" s="188"/>
      <c r="L47" s="188"/>
      <c r="M47" s="188"/>
      <c r="N47" s="188"/>
      <c r="O47" s="188"/>
      <c r="P47" s="188"/>
      <c r="Q47" s="188"/>
      <c r="R47" s="188"/>
      <c r="S47" s="188"/>
      <c r="T47" s="224"/>
      <c r="U47" s="224"/>
      <c r="V47" s="188"/>
      <c r="W47" s="188"/>
      <c r="X47" s="188"/>
      <c r="Y47" s="188"/>
      <c r="Z47" s="194"/>
      <c r="AA47" s="188"/>
      <c r="AB47" s="188"/>
      <c r="AC47" s="210"/>
      <c r="AD47" s="219"/>
    </row>
    <row r="48" spans="1:31" s="190" customFormat="1" ht="4.5" customHeight="1" x14ac:dyDescent="0.15">
      <c r="B48" s="288" t="s">
        <v>451</v>
      </c>
      <c r="C48" s="289"/>
      <c r="D48" s="289"/>
      <c r="E48" s="289"/>
      <c r="F48" s="290"/>
      <c r="G48" s="195"/>
      <c r="H48" s="187"/>
      <c r="I48" s="187"/>
      <c r="J48" s="187"/>
      <c r="K48" s="187"/>
      <c r="L48" s="187"/>
      <c r="M48" s="187"/>
      <c r="N48" s="187"/>
      <c r="O48" s="187"/>
      <c r="P48" s="187"/>
      <c r="Q48" s="187"/>
      <c r="R48" s="187"/>
      <c r="S48" s="187"/>
      <c r="T48" s="187"/>
      <c r="U48" s="187"/>
      <c r="V48" s="187"/>
      <c r="W48" s="187"/>
      <c r="X48" s="187"/>
      <c r="Y48" s="187"/>
      <c r="Z48" s="195"/>
      <c r="AA48" s="187"/>
      <c r="AB48" s="187"/>
      <c r="AC48" s="196"/>
      <c r="AD48" s="215"/>
    </row>
    <row r="49" spans="2:30" s="190" customFormat="1" ht="15.75" customHeight="1" x14ac:dyDescent="0.15">
      <c r="B49" s="291"/>
      <c r="C49" s="292"/>
      <c r="D49" s="292"/>
      <c r="E49" s="292"/>
      <c r="F49" s="293"/>
      <c r="G49" s="3"/>
      <c r="H49" s="190" t="s">
        <v>452</v>
      </c>
      <c r="Z49" s="3"/>
      <c r="AA49" s="33" t="s">
        <v>20</v>
      </c>
      <c r="AB49" s="33" t="s">
        <v>428</v>
      </c>
      <c r="AC49" s="33" t="s">
        <v>21</v>
      </c>
      <c r="AD49" s="220"/>
    </row>
    <row r="50" spans="2:30" s="190" customFormat="1" ht="18" customHeight="1" x14ac:dyDescent="0.15">
      <c r="B50" s="291"/>
      <c r="C50" s="292"/>
      <c r="D50" s="292"/>
      <c r="E50" s="292"/>
      <c r="F50" s="293"/>
      <c r="G50" s="3"/>
      <c r="I50" s="178" t="s">
        <v>453</v>
      </c>
      <c r="J50" s="314" t="s">
        <v>454</v>
      </c>
      <c r="K50" s="315"/>
      <c r="L50" s="315"/>
      <c r="M50" s="315"/>
      <c r="N50" s="315"/>
      <c r="O50" s="315"/>
      <c r="P50" s="315"/>
      <c r="Q50" s="315"/>
      <c r="R50" s="315"/>
      <c r="S50" s="315"/>
      <c r="T50" s="315"/>
      <c r="U50" s="180"/>
      <c r="V50" s="307"/>
      <c r="W50" s="316"/>
      <c r="X50" s="180" t="s">
        <v>220</v>
      </c>
      <c r="Z50" s="3"/>
      <c r="AA50" s="192"/>
      <c r="AB50" s="177"/>
      <c r="AC50" s="192"/>
      <c r="AD50" s="2"/>
    </row>
    <row r="51" spans="2:30" s="190" customFormat="1" ht="18" customHeight="1" x14ac:dyDescent="0.15">
      <c r="B51" s="291"/>
      <c r="C51" s="292"/>
      <c r="D51" s="292"/>
      <c r="E51" s="292"/>
      <c r="F51" s="293"/>
      <c r="G51" s="3"/>
      <c r="I51" s="221" t="s">
        <v>438</v>
      </c>
      <c r="J51" s="317" t="s">
        <v>455</v>
      </c>
      <c r="K51" s="318"/>
      <c r="L51" s="318"/>
      <c r="M51" s="318"/>
      <c r="N51" s="318"/>
      <c r="O51" s="318"/>
      <c r="P51" s="318"/>
      <c r="Q51" s="318"/>
      <c r="R51" s="318"/>
      <c r="S51" s="318"/>
      <c r="T51" s="318"/>
      <c r="U51" s="189"/>
      <c r="V51" s="319"/>
      <c r="W51" s="304"/>
      <c r="X51" s="189" t="s">
        <v>220</v>
      </c>
      <c r="Y51" s="223"/>
      <c r="Z51" s="197"/>
      <c r="AA51" s="216" t="s">
        <v>0</v>
      </c>
      <c r="AB51" s="216" t="s">
        <v>445</v>
      </c>
      <c r="AC51" s="216" t="s">
        <v>0</v>
      </c>
      <c r="AD51" s="2"/>
    </row>
    <row r="52" spans="2:30" s="190" customFormat="1" ht="4.5" customHeight="1" x14ac:dyDescent="0.15">
      <c r="B52" s="294"/>
      <c r="C52" s="295"/>
      <c r="D52" s="295"/>
      <c r="E52" s="295"/>
      <c r="F52" s="296"/>
      <c r="G52" s="194"/>
      <c r="H52" s="188"/>
      <c r="I52" s="188"/>
      <c r="J52" s="188"/>
      <c r="K52" s="188"/>
      <c r="L52" s="188"/>
      <c r="M52" s="188"/>
      <c r="N52" s="188"/>
      <c r="O52" s="188"/>
      <c r="P52" s="188"/>
      <c r="Q52" s="188"/>
      <c r="R52" s="188"/>
      <c r="S52" s="188"/>
      <c r="T52" s="224"/>
      <c r="U52" s="224"/>
      <c r="V52" s="182"/>
      <c r="W52" s="182"/>
      <c r="X52" s="188"/>
      <c r="Y52" s="188"/>
      <c r="Z52" s="194"/>
      <c r="AA52" s="188"/>
      <c r="AB52" s="188"/>
      <c r="AC52" s="210"/>
      <c r="AD52" s="219"/>
    </row>
    <row r="53" spans="2:30" s="190" customFormat="1" ht="4.5" customHeight="1" x14ac:dyDescent="0.15">
      <c r="B53" s="288" t="s">
        <v>456</v>
      </c>
      <c r="C53" s="289"/>
      <c r="D53" s="289"/>
      <c r="E53" s="289"/>
      <c r="F53" s="290"/>
      <c r="G53" s="195"/>
      <c r="H53" s="187"/>
      <c r="I53" s="187"/>
      <c r="J53" s="187"/>
      <c r="K53" s="187"/>
      <c r="L53" s="187"/>
      <c r="M53" s="187"/>
      <c r="N53" s="187"/>
      <c r="O53" s="187"/>
      <c r="P53" s="187"/>
      <c r="Q53" s="187"/>
      <c r="R53" s="187"/>
      <c r="S53" s="187"/>
      <c r="T53" s="187"/>
      <c r="U53" s="187"/>
      <c r="V53" s="181"/>
      <c r="W53" s="181"/>
      <c r="X53" s="187"/>
      <c r="Y53" s="187"/>
      <c r="Z53" s="195"/>
      <c r="AA53" s="187"/>
      <c r="AB53" s="187"/>
      <c r="AC53" s="196"/>
      <c r="AD53" s="215"/>
    </row>
    <row r="54" spans="2:30" s="190" customFormat="1" ht="15.75" customHeight="1" x14ac:dyDescent="0.15">
      <c r="B54" s="291"/>
      <c r="C54" s="292"/>
      <c r="D54" s="292"/>
      <c r="E54" s="292"/>
      <c r="F54" s="293"/>
      <c r="G54" s="3"/>
      <c r="H54" s="190" t="s">
        <v>457</v>
      </c>
      <c r="V54" s="177"/>
      <c r="W54" s="177"/>
      <c r="Z54" s="3"/>
      <c r="AA54" s="33" t="s">
        <v>20</v>
      </c>
      <c r="AB54" s="33" t="s">
        <v>445</v>
      </c>
      <c r="AC54" s="33" t="s">
        <v>21</v>
      </c>
      <c r="AD54" s="220"/>
    </row>
    <row r="55" spans="2:30" s="190" customFormat="1" ht="18.75" customHeight="1" x14ac:dyDescent="0.15">
      <c r="B55" s="291"/>
      <c r="C55" s="292"/>
      <c r="D55" s="292"/>
      <c r="E55" s="292"/>
      <c r="F55" s="293"/>
      <c r="G55" s="3"/>
      <c r="I55" s="178" t="s">
        <v>458</v>
      </c>
      <c r="J55" s="314" t="s">
        <v>459</v>
      </c>
      <c r="K55" s="315"/>
      <c r="L55" s="315"/>
      <c r="M55" s="315"/>
      <c r="N55" s="315"/>
      <c r="O55" s="315"/>
      <c r="P55" s="315"/>
      <c r="Q55" s="315"/>
      <c r="R55" s="315"/>
      <c r="S55" s="315"/>
      <c r="T55" s="315"/>
      <c r="U55" s="180"/>
      <c r="V55" s="307"/>
      <c r="W55" s="316"/>
      <c r="X55" s="180" t="s">
        <v>220</v>
      </c>
      <c r="Z55" s="3"/>
      <c r="AA55" s="192"/>
      <c r="AB55" s="177"/>
      <c r="AC55" s="192"/>
      <c r="AD55" s="2"/>
    </row>
    <row r="56" spans="2:30" s="190" customFormat="1" ht="29.25" customHeight="1" x14ac:dyDescent="0.15">
      <c r="B56" s="291"/>
      <c r="C56" s="292"/>
      <c r="D56" s="292"/>
      <c r="E56" s="292"/>
      <c r="F56" s="293"/>
      <c r="G56" s="3"/>
      <c r="I56" s="221" t="s">
        <v>438</v>
      </c>
      <c r="J56" s="317" t="s">
        <v>460</v>
      </c>
      <c r="K56" s="318"/>
      <c r="L56" s="318"/>
      <c r="M56" s="318"/>
      <c r="N56" s="318"/>
      <c r="O56" s="318"/>
      <c r="P56" s="318"/>
      <c r="Q56" s="318"/>
      <c r="R56" s="318"/>
      <c r="S56" s="318"/>
      <c r="T56" s="318"/>
      <c r="U56" s="189"/>
      <c r="V56" s="319"/>
      <c r="W56" s="304"/>
      <c r="X56" s="189" t="s">
        <v>220</v>
      </c>
      <c r="Y56" s="223"/>
      <c r="Z56" s="197"/>
      <c r="AA56" s="216" t="s">
        <v>0</v>
      </c>
      <c r="AB56" s="216" t="s">
        <v>445</v>
      </c>
      <c r="AC56" s="216" t="s">
        <v>0</v>
      </c>
      <c r="AD56" s="2"/>
    </row>
    <row r="57" spans="2:30" s="190" customFormat="1" ht="4.5" customHeight="1" x14ac:dyDescent="0.15">
      <c r="B57" s="294"/>
      <c r="C57" s="295"/>
      <c r="D57" s="295"/>
      <c r="E57" s="295"/>
      <c r="F57" s="296"/>
      <c r="G57" s="194"/>
      <c r="H57" s="188"/>
      <c r="I57" s="188"/>
      <c r="J57" s="188"/>
      <c r="K57" s="188"/>
      <c r="L57" s="188"/>
      <c r="M57" s="188"/>
      <c r="N57" s="188"/>
      <c r="O57" s="188"/>
      <c r="P57" s="188"/>
      <c r="Q57" s="188"/>
      <c r="R57" s="188"/>
      <c r="S57" s="188"/>
      <c r="T57" s="224"/>
      <c r="U57" s="224"/>
      <c r="V57" s="188"/>
      <c r="W57" s="188"/>
      <c r="X57" s="188"/>
      <c r="Y57" s="188"/>
      <c r="Z57" s="194"/>
      <c r="AA57" s="188"/>
      <c r="AB57" s="188"/>
      <c r="AC57" s="210"/>
      <c r="AD57" s="219"/>
    </row>
    <row r="58" spans="2:30" s="190" customFormat="1" ht="4.5" customHeight="1" x14ac:dyDescent="0.15">
      <c r="B58" s="184"/>
      <c r="C58" s="184"/>
      <c r="D58" s="184"/>
      <c r="E58" s="184"/>
      <c r="F58" s="184"/>
      <c r="T58" s="223"/>
      <c r="U58" s="223"/>
    </row>
    <row r="59" spans="2:30" s="190" customFormat="1" ht="13.5" customHeight="1" x14ac:dyDescent="0.15">
      <c r="B59" s="311" t="s">
        <v>461</v>
      </c>
      <c r="C59" s="312"/>
      <c r="D59" s="226" t="s">
        <v>462</v>
      </c>
      <c r="E59" s="226"/>
      <c r="F59" s="226"/>
      <c r="G59" s="226"/>
      <c r="H59" s="226"/>
      <c r="I59" s="226"/>
      <c r="J59" s="226"/>
      <c r="K59" s="226"/>
      <c r="L59" s="226"/>
      <c r="M59" s="226"/>
      <c r="N59" s="226"/>
      <c r="O59" s="226"/>
      <c r="P59" s="226"/>
      <c r="Q59" s="226"/>
      <c r="R59" s="226"/>
      <c r="S59" s="226"/>
      <c r="T59" s="226"/>
      <c r="U59" s="226"/>
      <c r="V59" s="226"/>
      <c r="W59" s="226"/>
      <c r="X59" s="226"/>
      <c r="Y59" s="226"/>
      <c r="Z59" s="226"/>
      <c r="AA59" s="226"/>
      <c r="AB59" s="226"/>
      <c r="AC59" s="226"/>
      <c r="AD59" s="226"/>
    </row>
    <row r="60" spans="2:30" s="190" customFormat="1" ht="34.5" customHeight="1" x14ac:dyDescent="0.15">
      <c r="B60" s="311" t="s">
        <v>463</v>
      </c>
      <c r="C60" s="312"/>
      <c r="D60" s="313" t="s">
        <v>464</v>
      </c>
      <c r="E60" s="313"/>
      <c r="F60" s="313"/>
      <c r="G60" s="313"/>
      <c r="H60" s="313"/>
      <c r="I60" s="313"/>
      <c r="J60" s="313"/>
      <c r="K60" s="313"/>
      <c r="L60" s="313"/>
      <c r="M60" s="313"/>
      <c r="N60" s="313"/>
      <c r="O60" s="313"/>
      <c r="P60" s="313"/>
      <c r="Q60" s="313"/>
      <c r="R60" s="313"/>
      <c r="S60" s="313"/>
      <c r="T60" s="313"/>
      <c r="U60" s="313"/>
      <c r="V60" s="313"/>
      <c r="W60" s="313"/>
      <c r="X60" s="313"/>
      <c r="Y60" s="313"/>
      <c r="Z60" s="313"/>
      <c r="AA60" s="313"/>
      <c r="AB60" s="313"/>
      <c r="AC60" s="313"/>
      <c r="AD60" s="313"/>
    </row>
    <row r="61" spans="2:30" s="190" customFormat="1" ht="71.25" customHeight="1" x14ac:dyDescent="0.15">
      <c r="B61" s="200"/>
      <c r="C61" s="200"/>
      <c r="D61" s="200"/>
      <c r="E61" s="200"/>
      <c r="F61" s="200"/>
      <c r="G61" s="200"/>
      <c r="H61" s="200"/>
      <c r="I61" s="200"/>
      <c r="J61" s="200"/>
      <c r="K61" s="200"/>
      <c r="L61" s="200"/>
      <c r="M61" s="200"/>
      <c r="N61" s="200"/>
      <c r="O61" s="200"/>
      <c r="P61" s="200"/>
      <c r="Q61" s="200"/>
      <c r="R61" s="200"/>
      <c r="S61" s="200"/>
      <c r="T61" s="200"/>
      <c r="U61" s="200"/>
      <c r="V61" s="200"/>
      <c r="W61" s="200"/>
      <c r="X61" s="200"/>
      <c r="Y61" s="200"/>
      <c r="Z61" s="200"/>
      <c r="AA61" s="200"/>
      <c r="AB61" s="200"/>
      <c r="AC61" s="200"/>
      <c r="AD61" s="200"/>
    </row>
    <row r="62" spans="2:30" s="190" customFormat="1" x14ac:dyDescent="0.15">
      <c r="B62" s="227"/>
      <c r="C62" s="227"/>
      <c r="D62" s="227"/>
      <c r="E62" s="227"/>
      <c r="F62" s="227"/>
      <c r="G62" s="227"/>
      <c r="H62" s="227"/>
      <c r="I62" s="227"/>
      <c r="J62" s="227"/>
      <c r="K62" s="227"/>
      <c r="L62" s="227"/>
      <c r="M62" s="227"/>
      <c r="N62" s="227"/>
      <c r="O62" s="227"/>
      <c r="P62" s="227"/>
      <c r="Q62" s="227"/>
      <c r="R62" s="227"/>
      <c r="S62" s="227"/>
      <c r="T62" s="227"/>
      <c r="U62" s="227"/>
      <c r="V62" s="227"/>
      <c r="W62" s="227"/>
      <c r="X62" s="227"/>
      <c r="Y62" s="227"/>
      <c r="Z62" s="227"/>
      <c r="AA62" s="227"/>
      <c r="AB62" s="227"/>
      <c r="AC62" s="227"/>
      <c r="AD62" s="227"/>
    </row>
    <row r="63" spans="2:30" s="227" customFormat="1" x14ac:dyDescent="0.15"/>
    <row r="64" spans="2:30" x14ac:dyDescent="0.15">
      <c r="B64" s="227"/>
      <c r="C64" s="227"/>
      <c r="D64" s="227"/>
      <c r="E64" s="227"/>
      <c r="F64" s="227"/>
      <c r="G64" s="227"/>
      <c r="H64" s="227"/>
      <c r="I64" s="227"/>
      <c r="J64" s="227"/>
      <c r="K64" s="227"/>
      <c r="L64" s="227"/>
      <c r="M64" s="227"/>
      <c r="N64" s="227"/>
      <c r="O64" s="227"/>
      <c r="P64" s="227"/>
      <c r="Q64" s="227"/>
      <c r="R64" s="227"/>
      <c r="S64" s="227"/>
      <c r="T64" s="227"/>
      <c r="U64" s="227"/>
      <c r="V64" s="227"/>
      <c r="W64" s="227"/>
      <c r="X64" s="227"/>
      <c r="Y64" s="227"/>
      <c r="Z64" s="227"/>
      <c r="AA64" s="227"/>
      <c r="AB64" s="227"/>
      <c r="AC64" s="227"/>
      <c r="AD64" s="227"/>
    </row>
    <row r="65" spans="2:30" x14ac:dyDescent="0.15">
      <c r="B65" s="227"/>
      <c r="C65" s="227"/>
      <c r="D65" s="227"/>
      <c r="E65" s="227"/>
      <c r="F65" s="227"/>
      <c r="G65" s="227"/>
      <c r="H65" s="227"/>
      <c r="I65" s="227"/>
      <c r="J65" s="227"/>
      <c r="K65" s="227"/>
      <c r="L65" s="227"/>
      <c r="M65" s="227"/>
      <c r="N65" s="227"/>
      <c r="O65" s="227"/>
      <c r="P65" s="227"/>
      <c r="Q65" s="227"/>
      <c r="R65" s="227"/>
      <c r="S65" s="227"/>
      <c r="T65" s="227"/>
      <c r="U65" s="227"/>
      <c r="V65" s="227"/>
      <c r="W65" s="227"/>
      <c r="X65" s="227"/>
      <c r="Y65" s="227"/>
      <c r="Z65" s="227"/>
      <c r="AA65" s="227"/>
      <c r="AB65" s="227"/>
      <c r="AC65" s="227"/>
      <c r="AD65" s="227"/>
    </row>
    <row r="66" spans="2:30" s="227" customFormat="1" x14ac:dyDescent="0.15">
      <c r="B66" s="102"/>
      <c r="C66" s="7"/>
      <c r="D66" s="7"/>
      <c r="E66" s="7"/>
      <c r="F66" s="7"/>
      <c r="G66" s="7"/>
      <c r="H66" s="7"/>
      <c r="I66" s="7"/>
      <c r="J66" s="7"/>
      <c r="K66" s="7"/>
      <c r="L66" s="7"/>
      <c r="M66" s="7"/>
      <c r="N66" s="7"/>
      <c r="O66" s="7"/>
      <c r="P66" s="7"/>
      <c r="Q66" s="7"/>
      <c r="R66" s="7"/>
      <c r="S66" s="7"/>
      <c r="T66" s="7"/>
      <c r="U66" s="7"/>
      <c r="V66" s="7"/>
      <c r="W66" s="7"/>
      <c r="X66" s="7"/>
      <c r="Y66" s="7"/>
      <c r="Z66" s="7"/>
      <c r="AA66" s="7"/>
      <c r="AB66" s="7"/>
      <c r="AC66" s="7"/>
      <c r="AD66" s="7"/>
    </row>
    <row r="67" spans="2:30" s="227" customFormat="1" ht="13.5" customHeight="1" x14ac:dyDescent="0.15">
      <c r="B67" s="102"/>
      <c r="C67" s="7"/>
      <c r="D67" s="7"/>
      <c r="E67" s="7"/>
      <c r="F67" s="7"/>
      <c r="G67" s="7"/>
      <c r="H67" s="7"/>
      <c r="I67" s="7"/>
      <c r="J67" s="7"/>
      <c r="K67" s="7"/>
      <c r="L67" s="7"/>
      <c r="M67" s="7"/>
      <c r="N67" s="7"/>
      <c r="O67" s="7"/>
      <c r="P67" s="7"/>
      <c r="Q67" s="7"/>
      <c r="R67" s="7"/>
      <c r="S67" s="7"/>
      <c r="T67" s="7"/>
      <c r="U67" s="7"/>
      <c r="V67" s="7"/>
      <c r="W67" s="7"/>
      <c r="X67" s="7"/>
      <c r="Y67" s="7"/>
      <c r="Z67" s="7"/>
      <c r="AA67" s="7"/>
      <c r="AB67" s="7"/>
      <c r="AC67" s="7"/>
      <c r="AD67" s="7"/>
    </row>
    <row r="68" spans="2:30" s="227" customFormat="1" ht="13.5" customHeight="1" x14ac:dyDescent="0.15">
      <c r="B68" s="102"/>
      <c r="C68" s="7"/>
      <c r="D68" s="7"/>
      <c r="E68" s="7"/>
      <c r="F68" s="7"/>
      <c r="G68" s="7"/>
      <c r="H68" s="7"/>
      <c r="I68" s="7"/>
      <c r="J68" s="7"/>
      <c r="K68" s="7"/>
      <c r="L68" s="7"/>
      <c r="M68" s="7"/>
      <c r="N68" s="7"/>
      <c r="O68" s="7"/>
      <c r="P68" s="7"/>
      <c r="Q68" s="7"/>
      <c r="R68" s="7"/>
      <c r="S68" s="7"/>
      <c r="T68" s="7"/>
      <c r="U68" s="7"/>
      <c r="V68" s="7"/>
      <c r="W68" s="7"/>
      <c r="X68" s="7"/>
      <c r="Y68" s="7"/>
      <c r="Z68" s="7"/>
      <c r="AA68" s="7"/>
      <c r="AB68" s="7"/>
      <c r="AC68" s="7"/>
      <c r="AD68" s="7"/>
    </row>
    <row r="69" spans="2:30" s="227" customFormat="1" x14ac:dyDescent="0.15">
      <c r="B69" s="102"/>
      <c r="C69" s="7"/>
      <c r="D69" s="7"/>
      <c r="E69" s="7"/>
      <c r="F69" s="7"/>
      <c r="G69" s="7"/>
      <c r="H69" s="7"/>
      <c r="I69" s="7"/>
      <c r="J69" s="7"/>
      <c r="K69" s="7"/>
      <c r="L69" s="7"/>
      <c r="M69" s="7"/>
      <c r="N69" s="7"/>
      <c r="O69" s="7"/>
      <c r="P69" s="7"/>
      <c r="Q69" s="7"/>
      <c r="R69" s="7"/>
      <c r="S69" s="7"/>
      <c r="T69" s="7"/>
      <c r="U69" s="7"/>
      <c r="V69" s="7"/>
      <c r="W69" s="7"/>
      <c r="X69" s="7"/>
      <c r="Y69" s="7"/>
      <c r="Z69" s="7"/>
      <c r="AA69" s="7"/>
      <c r="AB69" s="7"/>
      <c r="AC69" s="7"/>
      <c r="AD69" s="7"/>
    </row>
    <row r="70" spans="2:30" s="227" customFormat="1" x14ac:dyDescent="0.15">
      <c r="B70" s="102"/>
      <c r="C70" s="7"/>
      <c r="D70" s="7"/>
      <c r="E70" s="7"/>
      <c r="F70" s="7"/>
      <c r="G70" s="7"/>
      <c r="H70" s="7"/>
      <c r="I70" s="7"/>
      <c r="J70" s="7"/>
      <c r="K70" s="7"/>
      <c r="L70" s="7"/>
      <c r="M70" s="7"/>
      <c r="N70" s="7"/>
      <c r="O70" s="7"/>
      <c r="P70" s="7"/>
      <c r="Q70" s="7"/>
      <c r="R70" s="7"/>
      <c r="S70" s="7"/>
      <c r="T70" s="7"/>
      <c r="U70" s="7"/>
      <c r="V70" s="7"/>
      <c r="W70" s="7"/>
      <c r="X70" s="7"/>
      <c r="Y70" s="7"/>
      <c r="Z70" s="7"/>
      <c r="AA70" s="7"/>
      <c r="AB70" s="7"/>
      <c r="AC70" s="7"/>
      <c r="AD70" s="7"/>
    </row>
    <row r="71" spans="2:30" s="227" customFormat="1" x14ac:dyDescent="0.15">
      <c r="B71" s="102"/>
      <c r="C71" s="7"/>
      <c r="D71" s="7"/>
      <c r="E71" s="7"/>
      <c r="F71" s="7"/>
      <c r="G71" s="7"/>
      <c r="H71" s="7"/>
      <c r="I71" s="7"/>
      <c r="J71" s="7"/>
      <c r="K71" s="7"/>
      <c r="L71" s="7"/>
      <c r="M71" s="7"/>
      <c r="N71" s="7"/>
      <c r="O71" s="7"/>
      <c r="P71" s="7"/>
      <c r="Q71" s="7"/>
      <c r="R71" s="7"/>
      <c r="S71" s="7"/>
      <c r="T71" s="7"/>
      <c r="U71" s="7"/>
      <c r="V71" s="7"/>
      <c r="W71" s="7"/>
      <c r="X71" s="7"/>
      <c r="Y71" s="7"/>
      <c r="Z71" s="7"/>
      <c r="AA71" s="7"/>
      <c r="AB71" s="7"/>
      <c r="AC71" s="7"/>
      <c r="AD71" s="7"/>
    </row>
    <row r="72" spans="2:30" ht="156" customHeight="1" x14ac:dyDescent="0.15"/>
    <row r="122" spans="3:7" x14ac:dyDescent="0.15">
      <c r="C122" s="8"/>
      <c r="D122" s="8"/>
      <c r="E122" s="8"/>
      <c r="F122" s="8"/>
      <c r="G122" s="8"/>
    </row>
    <row r="123" spans="3:7" x14ac:dyDescent="0.15">
      <c r="C123" s="73"/>
    </row>
  </sheetData>
  <mergeCells count="44">
    <mergeCell ref="B8:F8"/>
    <mergeCell ref="G8:AD8"/>
    <mergeCell ref="V3:W3"/>
    <mergeCell ref="Y3:Z3"/>
    <mergeCell ref="AB3:AC3"/>
    <mergeCell ref="B5:AD5"/>
    <mergeCell ref="B6:AD6"/>
    <mergeCell ref="B9:F9"/>
    <mergeCell ref="B10:F10"/>
    <mergeCell ref="B11:F12"/>
    <mergeCell ref="B14:F16"/>
    <mergeCell ref="G14:Y14"/>
    <mergeCell ref="G15:Y15"/>
    <mergeCell ref="G16:Y16"/>
    <mergeCell ref="B21:F29"/>
    <mergeCell ref="J23:U23"/>
    <mergeCell ref="V23:W23"/>
    <mergeCell ref="V24:W24"/>
    <mergeCell ref="I25:X25"/>
    <mergeCell ref="J28:U28"/>
    <mergeCell ref="V28:W28"/>
    <mergeCell ref="B42:F47"/>
    <mergeCell ref="J44:T44"/>
    <mergeCell ref="V44:W44"/>
    <mergeCell ref="V45:W45"/>
    <mergeCell ref="I46:X46"/>
    <mergeCell ref="B33:F38"/>
    <mergeCell ref="J35:T35"/>
    <mergeCell ref="V35:W35"/>
    <mergeCell ref="V36:W36"/>
    <mergeCell ref="I37:X37"/>
    <mergeCell ref="B59:C59"/>
    <mergeCell ref="B60:C60"/>
    <mergeCell ref="D60:AD60"/>
    <mergeCell ref="B48:F52"/>
    <mergeCell ref="J50:T50"/>
    <mergeCell ref="V50:W50"/>
    <mergeCell ref="J51:T51"/>
    <mergeCell ref="V51:W51"/>
    <mergeCell ref="B53:F57"/>
    <mergeCell ref="J55:T55"/>
    <mergeCell ref="V55:W55"/>
    <mergeCell ref="J56:T56"/>
    <mergeCell ref="V56:W56"/>
  </mergeCells>
  <phoneticPr fontId="3"/>
  <dataValidations count="1">
    <dataValidation type="list" allowBlank="1" showInputMessage="1" showErrorMessage="1" sqref="G9:G12 L9 Q9 T10 S11 AA15:AA16 AC15:AC16 AA24 AC24 AA28 AC28 AA36 AC36 AA45 AC45 AA51 AC51 AA56 AC56">
      <formula1>"□,■"</formula1>
    </dataValidation>
  </dataValidations>
  <pageMargins left="0.7" right="0.7" top="0.75" bottom="0.75" header="0.3" footer="0.3"/>
  <pageSetup paperSize="9" scale="88" orientation="portrait" r:id="rId1"/>
  <rowBreaks count="1" manualBreakCount="1">
    <brk id="60"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8"/>
  <sheetViews>
    <sheetView view="pageBreakPreview" topLeftCell="A10" zoomScale="60" zoomScaleNormal="100" workbookViewId="0">
      <selection activeCell="F61" sqref="F61"/>
    </sheetView>
  </sheetViews>
  <sheetFormatPr defaultColWidth="3.5" defaultRowHeight="13.5" x14ac:dyDescent="0.15"/>
  <cols>
    <col min="1" max="1" width="3.5" style="7"/>
    <col min="2" max="2" width="3" style="102" customWidth="1"/>
    <col min="3" max="7" width="3.5" style="7"/>
    <col min="8" max="8" width="2.5" style="7" customWidth="1"/>
    <col min="9" max="16384" width="3.5" style="7"/>
  </cols>
  <sheetData>
    <row r="1" spans="2:27" s="34" customFormat="1" x14ac:dyDescent="0.15"/>
    <row r="2" spans="2:27" s="34" customFormat="1" x14ac:dyDescent="0.15">
      <c r="B2" s="34" t="s">
        <v>170</v>
      </c>
      <c r="AA2" s="12" t="s">
        <v>171</v>
      </c>
    </row>
    <row r="3" spans="2:27" s="34" customFormat="1" ht="8.25" customHeight="1" x14ac:dyDescent="0.15"/>
    <row r="4" spans="2:27" s="34" customFormat="1" x14ac:dyDescent="0.15">
      <c r="B4" s="302" t="s">
        <v>172</v>
      </c>
      <c r="C4" s="302"/>
      <c r="D4" s="302"/>
      <c r="E4" s="302"/>
      <c r="F4" s="302"/>
      <c r="G4" s="302"/>
      <c r="H4" s="302"/>
      <c r="I4" s="302"/>
      <c r="J4" s="302"/>
      <c r="K4" s="302"/>
      <c r="L4" s="302"/>
      <c r="M4" s="302"/>
      <c r="N4" s="302"/>
      <c r="O4" s="302"/>
      <c r="P4" s="302"/>
      <c r="Q4" s="302"/>
      <c r="R4" s="302"/>
      <c r="S4" s="302"/>
      <c r="T4" s="302"/>
      <c r="U4" s="302"/>
      <c r="V4" s="302"/>
      <c r="W4" s="302"/>
      <c r="X4" s="302"/>
      <c r="Y4" s="302"/>
      <c r="Z4" s="302"/>
      <c r="AA4" s="302"/>
    </row>
    <row r="5" spans="2:27" s="34" customFormat="1" ht="6.75" customHeight="1" x14ac:dyDescent="0.15"/>
    <row r="6" spans="2:27" s="34" customFormat="1" ht="18.600000000000001" customHeight="1" x14ac:dyDescent="0.15">
      <c r="B6" s="307" t="s">
        <v>92</v>
      </c>
      <c r="C6" s="307"/>
      <c r="D6" s="307"/>
      <c r="E6" s="307"/>
      <c r="F6" s="307"/>
      <c r="G6" s="316"/>
      <c r="H6" s="322"/>
      <c r="I6" s="322"/>
      <c r="J6" s="322"/>
      <c r="K6" s="322"/>
      <c r="L6" s="322"/>
      <c r="M6" s="322"/>
      <c r="N6" s="322"/>
      <c r="O6" s="322"/>
      <c r="P6" s="322"/>
      <c r="Q6" s="322"/>
      <c r="R6" s="322"/>
      <c r="S6" s="322"/>
      <c r="T6" s="322"/>
      <c r="U6" s="322"/>
      <c r="V6" s="322"/>
      <c r="W6" s="322"/>
      <c r="X6" s="322"/>
      <c r="Y6" s="322"/>
      <c r="Z6" s="322"/>
      <c r="AA6" s="357"/>
    </row>
    <row r="7" spans="2:27" s="34" customFormat="1" ht="19.5" customHeight="1" x14ac:dyDescent="0.15">
      <c r="B7" s="307" t="s">
        <v>31</v>
      </c>
      <c r="C7" s="307"/>
      <c r="D7" s="307"/>
      <c r="E7" s="307"/>
      <c r="F7" s="307"/>
      <c r="G7" s="316"/>
      <c r="H7" s="322"/>
      <c r="I7" s="322"/>
      <c r="J7" s="322"/>
      <c r="K7" s="322"/>
      <c r="L7" s="322"/>
      <c r="M7" s="322"/>
      <c r="N7" s="322"/>
      <c r="O7" s="322"/>
      <c r="P7" s="322"/>
      <c r="Q7" s="322"/>
      <c r="R7" s="322"/>
      <c r="S7" s="322"/>
      <c r="T7" s="322"/>
      <c r="U7" s="322"/>
      <c r="V7" s="322"/>
      <c r="W7" s="322"/>
      <c r="X7" s="322"/>
      <c r="Y7" s="322"/>
      <c r="Z7" s="322"/>
      <c r="AA7" s="357"/>
    </row>
    <row r="8" spans="2:27" s="34" customFormat="1" ht="19.5" customHeight="1" x14ac:dyDescent="0.15">
      <c r="B8" s="316" t="s">
        <v>173</v>
      </c>
      <c r="C8" s="322"/>
      <c r="D8" s="322"/>
      <c r="E8" s="322"/>
      <c r="F8" s="357"/>
      <c r="G8" s="326" t="s">
        <v>174</v>
      </c>
      <c r="H8" s="327"/>
      <c r="I8" s="327"/>
      <c r="J8" s="327"/>
      <c r="K8" s="327"/>
      <c r="L8" s="327"/>
      <c r="M8" s="327"/>
      <c r="N8" s="327"/>
      <c r="O8" s="327"/>
      <c r="P8" s="327"/>
      <c r="Q8" s="327"/>
      <c r="R8" s="327"/>
      <c r="S8" s="327"/>
      <c r="T8" s="327"/>
      <c r="U8" s="327"/>
      <c r="V8" s="327"/>
      <c r="W8" s="327"/>
      <c r="X8" s="327"/>
      <c r="Y8" s="327"/>
      <c r="Z8" s="327"/>
      <c r="AA8" s="328"/>
    </row>
    <row r="9" spans="2:27" ht="20.100000000000001" customHeight="1" x14ac:dyDescent="0.15">
      <c r="B9" s="298" t="s">
        <v>175</v>
      </c>
      <c r="C9" s="299"/>
      <c r="D9" s="299"/>
      <c r="E9" s="299"/>
      <c r="F9" s="299"/>
      <c r="G9" s="364" t="s">
        <v>176</v>
      </c>
      <c r="H9" s="364"/>
      <c r="I9" s="364"/>
      <c r="J9" s="364"/>
      <c r="K9" s="364"/>
      <c r="L9" s="364"/>
      <c r="M9" s="364"/>
      <c r="N9" s="364" t="s">
        <v>177</v>
      </c>
      <c r="O9" s="364"/>
      <c r="P9" s="364"/>
      <c r="Q9" s="364"/>
      <c r="R9" s="364"/>
      <c r="S9" s="364"/>
      <c r="T9" s="364"/>
      <c r="U9" s="364" t="s">
        <v>178</v>
      </c>
      <c r="V9" s="364"/>
      <c r="W9" s="364"/>
      <c r="X9" s="364"/>
      <c r="Y9" s="364"/>
      <c r="Z9" s="364"/>
      <c r="AA9" s="364"/>
    </row>
    <row r="10" spans="2:27" ht="20.100000000000001" customHeight="1" x14ac:dyDescent="0.15">
      <c r="B10" s="301"/>
      <c r="C10" s="302"/>
      <c r="D10" s="302"/>
      <c r="E10" s="302"/>
      <c r="F10" s="302"/>
      <c r="G10" s="364" t="s">
        <v>179</v>
      </c>
      <c r="H10" s="364"/>
      <c r="I10" s="364"/>
      <c r="J10" s="364"/>
      <c r="K10" s="364"/>
      <c r="L10" s="364"/>
      <c r="M10" s="364"/>
      <c r="N10" s="364" t="s">
        <v>180</v>
      </c>
      <c r="O10" s="364"/>
      <c r="P10" s="364"/>
      <c r="Q10" s="364"/>
      <c r="R10" s="364"/>
      <c r="S10" s="364"/>
      <c r="T10" s="364"/>
      <c r="U10" s="364" t="s">
        <v>181</v>
      </c>
      <c r="V10" s="364"/>
      <c r="W10" s="364"/>
      <c r="X10" s="364"/>
      <c r="Y10" s="364"/>
      <c r="Z10" s="364"/>
      <c r="AA10" s="364"/>
    </row>
    <row r="11" spans="2:27" ht="20.100000000000001" customHeight="1" x14ac:dyDescent="0.15">
      <c r="B11" s="301"/>
      <c r="C11" s="302"/>
      <c r="D11" s="302"/>
      <c r="E11" s="302"/>
      <c r="F11" s="302"/>
      <c r="G11" s="364" t="s">
        <v>182</v>
      </c>
      <c r="H11" s="364"/>
      <c r="I11" s="364"/>
      <c r="J11" s="364"/>
      <c r="K11" s="364"/>
      <c r="L11" s="364"/>
      <c r="M11" s="364"/>
      <c r="N11" s="364" t="s">
        <v>183</v>
      </c>
      <c r="O11" s="364"/>
      <c r="P11" s="364"/>
      <c r="Q11" s="364"/>
      <c r="R11" s="364"/>
      <c r="S11" s="364"/>
      <c r="T11" s="364"/>
      <c r="U11" s="364" t="s">
        <v>184</v>
      </c>
      <c r="V11" s="364"/>
      <c r="W11" s="364"/>
      <c r="X11" s="364"/>
      <c r="Y11" s="364"/>
      <c r="Z11" s="364"/>
      <c r="AA11" s="364"/>
    </row>
    <row r="12" spans="2:27" ht="20.100000000000001" customHeight="1" x14ac:dyDescent="0.15">
      <c r="B12" s="301"/>
      <c r="C12" s="302"/>
      <c r="D12" s="302"/>
      <c r="E12" s="302"/>
      <c r="F12" s="302"/>
      <c r="G12" s="364" t="s">
        <v>185</v>
      </c>
      <c r="H12" s="364"/>
      <c r="I12" s="364"/>
      <c r="J12" s="364"/>
      <c r="K12" s="364"/>
      <c r="L12" s="364"/>
      <c r="M12" s="364"/>
      <c r="N12" s="364" t="s">
        <v>186</v>
      </c>
      <c r="O12" s="364"/>
      <c r="P12" s="364"/>
      <c r="Q12" s="364"/>
      <c r="R12" s="364"/>
      <c r="S12" s="364"/>
      <c r="T12" s="364"/>
      <c r="U12" s="365" t="s">
        <v>187</v>
      </c>
      <c r="V12" s="365"/>
      <c r="W12" s="365"/>
      <c r="X12" s="365"/>
      <c r="Y12" s="365"/>
      <c r="Z12" s="365"/>
      <c r="AA12" s="365"/>
    </row>
    <row r="13" spans="2:27" ht="20.100000000000001" customHeight="1" x14ac:dyDescent="0.15">
      <c r="B13" s="301"/>
      <c r="C13" s="302"/>
      <c r="D13" s="302"/>
      <c r="E13" s="302"/>
      <c r="F13" s="302"/>
      <c r="G13" s="364" t="s">
        <v>188</v>
      </c>
      <c r="H13" s="364"/>
      <c r="I13" s="364"/>
      <c r="J13" s="364"/>
      <c r="K13" s="364"/>
      <c r="L13" s="364"/>
      <c r="M13" s="364"/>
      <c r="N13" s="364" t="s">
        <v>189</v>
      </c>
      <c r="O13" s="364"/>
      <c r="P13" s="364"/>
      <c r="Q13" s="364"/>
      <c r="R13" s="364"/>
      <c r="S13" s="364"/>
      <c r="T13" s="364"/>
      <c r="U13" s="365" t="s">
        <v>190</v>
      </c>
      <c r="V13" s="365"/>
      <c r="W13" s="365"/>
      <c r="X13" s="365"/>
      <c r="Y13" s="365"/>
      <c r="Z13" s="365"/>
      <c r="AA13" s="365"/>
    </row>
    <row r="14" spans="2:27" ht="20.100000000000001" customHeight="1" x14ac:dyDescent="0.15">
      <c r="B14" s="304"/>
      <c r="C14" s="305"/>
      <c r="D14" s="305"/>
      <c r="E14" s="305"/>
      <c r="F14" s="305"/>
      <c r="G14" s="364" t="s">
        <v>191</v>
      </c>
      <c r="H14" s="364"/>
      <c r="I14" s="364"/>
      <c r="J14" s="364"/>
      <c r="K14" s="364"/>
      <c r="L14" s="364"/>
      <c r="M14" s="364"/>
      <c r="N14" s="364"/>
      <c r="O14" s="364"/>
      <c r="P14" s="364"/>
      <c r="Q14" s="364"/>
      <c r="R14" s="364"/>
      <c r="S14" s="364"/>
      <c r="T14" s="364"/>
      <c r="U14" s="365"/>
      <c r="V14" s="365"/>
      <c r="W14" s="365"/>
      <c r="X14" s="365"/>
      <c r="Y14" s="365"/>
      <c r="Z14" s="365"/>
      <c r="AA14" s="365"/>
    </row>
    <row r="15" spans="2:27" ht="20.25" customHeight="1" x14ac:dyDescent="0.15">
      <c r="B15" s="316" t="s">
        <v>192</v>
      </c>
      <c r="C15" s="322"/>
      <c r="D15" s="322"/>
      <c r="E15" s="322"/>
      <c r="F15" s="357"/>
      <c r="G15" s="329" t="s">
        <v>193</v>
      </c>
      <c r="H15" s="330"/>
      <c r="I15" s="330"/>
      <c r="J15" s="330"/>
      <c r="K15" s="330"/>
      <c r="L15" s="330"/>
      <c r="M15" s="330"/>
      <c r="N15" s="330"/>
      <c r="O15" s="330"/>
      <c r="P15" s="330"/>
      <c r="Q15" s="330"/>
      <c r="R15" s="330"/>
      <c r="S15" s="330"/>
      <c r="T15" s="330"/>
      <c r="U15" s="330"/>
      <c r="V15" s="330"/>
      <c r="W15" s="330"/>
      <c r="X15" s="330"/>
      <c r="Y15" s="330"/>
      <c r="Z15" s="330"/>
      <c r="AA15" s="331"/>
    </row>
    <row r="16" spans="2:27" s="34" customFormat="1" ht="9" customHeight="1" x14ac:dyDescent="0.15"/>
    <row r="17" spans="2:27" s="34" customFormat="1" ht="17.25" customHeight="1" x14ac:dyDescent="0.15">
      <c r="B17" s="34" t="s">
        <v>194</v>
      </c>
    </row>
    <row r="18" spans="2:27" s="34" customFormat="1" ht="6" customHeight="1" x14ac:dyDescent="0.15">
      <c r="B18" s="30"/>
      <c r="C18" s="31"/>
      <c r="D18" s="31"/>
      <c r="E18" s="31"/>
      <c r="F18" s="31"/>
      <c r="G18" s="31"/>
      <c r="H18" s="31"/>
      <c r="I18" s="31"/>
      <c r="J18" s="31"/>
      <c r="K18" s="31"/>
      <c r="L18" s="31"/>
      <c r="M18" s="31"/>
      <c r="N18" s="31"/>
      <c r="O18" s="31"/>
      <c r="P18" s="31"/>
      <c r="Q18" s="31"/>
      <c r="R18" s="31"/>
      <c r="S18" s="31"/>
      <c r="T18" s="31"/>
      <c r="U18" s="31"/>
      <c r="V18" s="31"/>
      <c r="W18" s="31"/>
      <c r="X18" s="31"/>
      <c r="Y18" s="31"/>
      <c r="Z18" s="31"/>
      <c r="AA18" s="32"/>
    </row>
    <row r="19" spans="2:27" s="34" customFormat="1" ht="19.5" customHeight="1" x14ac:dyDescent="0.15">
      <c r="B19" s="3"/>
      <c r="C19" s="34" t="s">
        <v>195</v>
      </c>
      <c r="D19" s="13"/>
      <c r="E19" s="13"/>
      <c r="F19" s="13"/>
      <c r="G19" s="13"/>
      <c r="H19" s="13"/>
      <c r="I19" s="13"/>
      <c r="J19" s="13"/>
      <c r="K19" s="13"/>
      <c r="L19" s="13"/>
      <c r="M19" s="13"/>
      <c r="N19" s="13"/>
      <c r="O19" s="13"/>
      <c r="Y19" s="355" t="s">
        <v>196</v>
      </c>
      <c r="Z19" s="355"/>
      <c r="AA19" s="35"/>
    </row>
    <row r="20" spans="2:27" s="34" customFormat="1" x14ac:dyDescent="0.15">
      <c r="B20" s="3"/>
      <c r="D20" s="13"/>
      <c r="E20" s="13"/>
      <c r="F20" s="13"/>
      <c r="G20" s="13"/>
      <c r="H20" s="13"/>
      <c r="I20" s="13"/>
      <c r="J20" s="13"/>
      <c r="K20" s="13"/>
      <c r="L20" s="13"/>
      <c r="M20" s="13"/>
      <c r="N20" s="13"/>
      <c r="O20" s="13"/>
      <c r="Y20" s="43"/>
      <c r="Z20" s="43"/>
      <c r="AA20" s="35"/>
    </row>
    <row r="21" spans="2:27" s="34" customFormat="1" x14ac:dyDescent="0.15">
      <c r="B21" s="3"/>
      <c r="C21" s="34" t="s">
        <v>197</v>
      </c>
      <c r="D21" s="13"/>
      <c r="E21" s="13"/>
      <c r="F21" s="13"/>
      <c r="G21" s="13"/>
      <c r="H21" s="13"/>
      <c r="I21" s="13"/>
      <c r="J21" s="13"/>
      <c r="K21" s="13"/>
      <c r="L21" s="13"/>
      <c r="M21" s="13"/>
      <c r="N21" s="13"/>
      <c r="O21" s="13"/>
      <c r="Y21" s="43"/>
      <c r="Z21" s="43"/>
      <c r="AA21" s="35"/>
    </row>
    <row r="22" spans="2:27" s="34" customFormat="1" ht="19.5" customHeight="1" x14ac:dyDescent="0.15">
      <c r="B22" s="3"/>
      <c r="C22" s="34" t="s">
        <v>198</v>
      </c>
      <c r="D22" s="13"/>
      <c r="E22" s="13"/>
      <c r="F22" s="13"/>
      <c r="G22" s="13"/>
      <c r="H22" s="13"/>
      <c r="I22" s="13"/>
      <c r="J22" s="13"/>
      <c r="K22" s="13"/>
      <c r="L22" s="13"/>
      <c r="M22" s="13"/>
      <c r="N22" s="13"/>
      <c r="O22" s="13"/>
      <c r="Y22" s="355" t="s">
        <v>196</v>
      </c>
      <c r="Z22" s="355"/>
      <c r="AA22" s="35"/>
    </row>
    <row r="23" spans="2:27" s="34" customFormat="1" ht="19.5" customHeight="1" x14ac:dyDescent="0.15">
      <c r="B23" s="3"/>
      <c r="C23" s="34" t="s">
        <v>199</v>
      </c>
      <c r="D23" s="13"/>
      <c r="E23" s="13"/>
      <c r="F23" s="13"/>
      <c r="G23" s="13"/>
      <c r="H23" s="13"/>
      <c r="I23" s="13"/>
      <c r="J23" s="13"/>
      <c r="K23" s="13"/>
      <c r="L23" s="13"/>
      <c r="M23" s="13"/>
      <c r="N23" s="13"/>
      <c r="O23" s="13"/>
      <c r="Y23" s="355" t="s">
        <v>196</v>
      </c>
      <c r="Z23" s="355"/>
      <c r="AA23" s="35"/>
    </row>
    <row r="24" spans="2:27" s="34" customFormat="1" ht="19.5" customHeight="1" x14ac:dyDescent="0.15">
      <c r="B24" s="3"/>
      <c r="C24" s="34" t="s">
        <v>200</v>
      </c>
      <c r="D24" s="13"/>
      <c r="E24" s="13"/>
      <c r="F24" s="13"/>
      <c r="G24" s="13"/>
      <c r="H24" s="13"/>
      <c r="I24" s="13"/>
      <c r="J24" s="13"/>
      <c r="K24" s="13"/>
      <c r="L24" s="13"/>
      <c r="M24" s="13"/>
      <c r="N24" s="13"/>
      <c r="O24" s="13"/>
      <c r="Y24" s="355" t="s">
        <v>196</v>
      </c>
      <c r="Z24" s="355"/>
      <c r="AA24" s="35"/>
    </row>
    <row r="25" spans="2:27" s="34" customFormat="1" ht="19.5" customHeight="1" x14ac:dyDescent="0.15">
      <c r="B25" s="3"/>
      <c r="D25" s="356" t="s">
        <v>201</v>
      </c>
      <c r="E25" s="356"/>
      <c r="F25" s="356"/>
      <c r="G25" s="356"/>
      <c r="H25" s="356"/>
      <c r="I25" s="356"/>
      <c r="J25" s="356"/>
      <c r="K25" s="13"/>
      <c r="L25" s="13"/>
      <c r="M25" s="13"/>
      <c r="N25" s="13"/>
      <c r="O25" s="13"/>
      <c r="Y25" s="43"/>
      <c r="Z25" s="43"/>
      <c r="AA25" s="35"/>
    </row>
    <row r="26" spans="2:27" s="34" customFormat="1" ht="24.95" customHeight="1" x14ac:dyDescent="0.15">
      <c r="B26" s="3"/>
      <c r="C26" s="34" t="s">
        <v>202</v>
      </c>
      <c r="AA26" s="35"/>
    </row>
    <row r="27" spans="2:27" s="34" customFormat="1" ht="6.75" customHeight="1" x14ac:dyDescent="0.15">
      <c r="B27" s="3"/>
      <c r="AA27" s="35"/>
    </row>
    <row r="28" spans="2:27" s="34" customFormat="1" ht="23.25" customHeight="1" x14ac:dyDescent="0.15">
      <c r="B28" s="3" t="s">
        <v>203</v>
      </c>
      <c r="C28" s="316" t="s">
        <v>204</v>
      </c>
      <c r="D28" s="322"/>
      <c r="E28" s="322"/>
      <c r="F28" s="322"/>
      <c r="G28" s="322"/>
      <c r="H28" s="357"/>
      <c r="I28" s="358"/>
      <c r="J28" s="358"/>
      <c r="K28" s="358"/>
      <c r="L28" s="358"/>
      <c r="M28" s="358"/>
      <c r="N28" s="358"/>
      <c r="O28" s="358"/>
      <c r="P28" s="358"/>
      <c r="Q28" s="358"/>
      <c r="R28" s="358"/>
      <c r="S28" s="358"/>
      <c r="T28" s="358"/>
      <c r="U28" s="358"/>
      <c r="V28" s="358"/>
      <c r="W28" s="358"/>
      <c r="X28" s="358"/>
      <c r="Y28" s="358"/>
      <c r="Z28" s="359"/>
      <c r="AA28" s="35"/>
    </row>
    <row r="29" spans="2:27" s="34" customFormat="1" ht="23.25" customHeight="1" x14ac:dyDescent="0.15">
      <c r="B29" s="3" t="s">
        <v>203</v>
      </c>
      <c r="C29" s="316" t="s">
        <v>205</v>
      </c>
      <c r="D29" s="322"/>
      <c r="E29" s="322"/>
      <c r="F29" s="322"/>
      <c r="G29" s="322"/>
      <c r="H29" s="357"/>
      <c r="I29" s="358"/>
      <c r="J29" s="358"/>
      <c r="K29" s="358"/>
      <c r="L29" s="358"/>
      <c r="M29" s="358"/>
      <c r="N29" s="358"/>
      <c r="O29" s="358"/>
      <c r="P29" s="358"/>
      <c r="Q29" s="358"/>
      <c r="R29" s="358"/>
      <c r="S29" s="358"/>
      <c r="T29" s="358"/>
      <c r="U29" s="358"/>
      <c r="V29" s="358"/>
      <c r="W29" s="358"/>
      <c r="X29" s="358"/>
      <c r="Y29" s="358"/>
      <c r="Z29" s="359"/>
      <c r="AA29" s="35"/>
    </row>
    <row r="30" spans="2:27" s="34" customFormat="1" ht="23.25" customHeight="1" x14ac:dyDescent="0.15">
      <c r="B30" s="3" t="s">
        <v>203</v>
      </c>
      <c r="C30" s="316" t="s">
        <v>206</v>
      </c>
      <c r="D30" s="322"/>
      <c r="E30" s="322"/>
      <c r="F30" s="322"/>
      <c r="G30" s="322"/>
      <c r="H30" s="357"/>
      <c r="I30" s="358"/>
      <c r="J30" s="358"/>
      <c r="K30" s="358"/>
      <c r="L30" s="358"/>
      <c r="M30" s="358"/>
      <c r="N30" s="358"/>
      <c r="O30" s="358"/>
      <c r="P30" s="358"/>
      <c r="Q30" s="358"/>
      <c r="R30" s="358"/>
      <c r="S30" s="358"/>
      <c r="T30" s="358"/>
      <c r="U30" s="358"/>
      <c r="V30" s="358"/>
      <c r="W30" s="358"/>
      <c r="X30" s="358"/>
      <c r="Y30" s="358"/>
      <c r="Z30" s="359"/>
      <c r="AA30" s="35"/>
    </row>
    <row r="31" spans="2:27" s="34" customFormat="1" ht="9" customHeight="1" x14ac:dyDescent="0.15">
      <c r="B31" s="3"/>
      <c r="C31" s="13"/>
      <c r="D31" s="13"/>
      <c r="E31" s="13"/>
      <c r="F31" s="13"/>
      <c r="G31" s="13"/>
      <c r="H31" s="13"/>
      <c r="I31" s="4"/>
      <c r="J31" s="4"/>
      <c r="K31" s="4"/>
      <c r="L31" s="4"/>
      <c r="M31" s="4"/>
      <c r="N31" s="4"/>
      <c r="O31" s="4"/>
      <c r="P31" s="4"/>
      <c r="Q31" s="4"/>
      <c r="R31" s="4"/>
      <c r="S31" s="4"/>
      <c r="T31" s="4"/>
      <c r="U31" s="4"/>
      <c r="V31" s="4"/>
      <c r="W31" s="4"/>
      <c r="X31" s="4"/>
      <c r="Y31" s="4"/>
      <c r="Z31" s="4"/>
      <c r="AA31" s="35"/>
    </row>
    <row r="32" spans="2:27" s="34" customFormat="1" ht="19.5" customHeight="1" x14ac:dyDescent="0.15">
      <c r="B32" s="3"/>
      <c r="C32" s="34" t="s">
        <v>207</v>
      </c>
      <c r="D32" s="13"/>
      <c r="E32" s="13"/>
      <c r="F32" s="13"/>
      <c r="G32" s="13"/>
      <c r="H32" s="13"/>
      <c r="I32" s="13"/>
      <c r="J32" s="13"/>
      <c r="K32" s="13"/>
      <c r="L32" s="13"/>
      <c r="M32" s="13"/>
      <c r="N32" s="13"/>
      <c r="O32" s="13"/>
      <c r="Y32" s="355" t="s">
        <v>196</v>
      </c>
      <c r="Z32" s="355"/>
      <c r="AA32" s="35"/>
    </row>
    <row r="33" spans="1:37" s="34" customFormat="1" ht="12.75" customHeight="1" x14ac:dyDescent="0.15">
      <c r="B33" s="3"/>
      <c r="D33" s="13"/>
      <c r="E33" s="13"/>
      <c r="F33" s="13"/>
      <c r="G33" s="13"/>
      <c r="H33" s="13"/>
      <c r="I33" s="13"/>
      <c r="J33" s="13"/>
      <c r="K33" s="13"/>
      <c r="L33" s="13"/>
      <c r="M33" s="13"/>
      <c r="N33" s="13"/>
      <c r="O33" s="13"/>
      <c r="Y33" s="43"/>
      <c r="Z33" s="43"/>
      <c r="AA33" s="35"/>
    </row>
    <row r="34" spans="1:37" s="34" customFormat="1" ht="19.5" customHeight="1" x14ac:dyDescent="0.15">
      <c r="B34" s="3"/>
      <c r="C34" s="354" t="s">
        <v>208</v>
      </c>
      <c r="D34" s="354"/>
      <c r="E34" s="354"/>
      <c r="F34" s="354"/>
      <c r="G34" s="354"/>
      <c r="H34" s="354"/>
      <c r="I34" s="354"/>
      <c r="J34" s="354"/>
      <c r="K34" s="354"/>
      <c r="L34" s="354"/>
      <c r="M34" s="354"/>
      <c r="N34" s="354"/>
      <c r="O34" s="354"/>
      <c r="P34" s="354"/>
      <c r="Q34" s="354"/>
      <c r="R34" s="354"/>
      <c r="S34" s="354"/>
      <c r="T34" s="354"/>
      <c r="U34" s="354"/>
      <c r="V34" s="354"/>
      <c r="W34" s="354"/>
      <c r="X34" s="354"/>
      <c r="Y34" s="354"/>
      <c r="Z34" s="354"/>
      <c r="AA34" s="35"/>
    </row>
    <row r="35" spans="1:37" s="34" customFormat="1" ht="19.5" customHeight="1" x14ac:dyDescent="0.15">
      <c r="B35" s="3"/>
      <c r="C35" s="354" t="s">
        <v>209</v>
      </c>
      <c r="D35" s="354"/>
      <c r="E35" s="354"/>
      <c r="F35" s="354"/>
      <c r="G35" s="354"/>
      <c r="H35" s="354"/>
      <c r="I35" s="354"/>
      <c r="J35" s="354"/>
      <c r="K35" s="354"/>
      <c r="L35" s="354"/>
      <c r="M35" s="354"/>
      <c r="N35" s="354"/>
      <c r="O35" s="354"/>
      <c r="P35" s="354"/>
      <c r="Q35" s="354"/>
      <c r="R35" s="354"/>
      <c r="S35" s="354"/>
      <c r="T35" s="354"/>
      <c r="U35" s="354"/>
      <c r="V35" s="354"/>
      <c r="W35" s="354"/>
      <c r="X35" s="354"/>
      <c r="Y35" s="354"/>
      <c r="Z35" s="354"/>
      <c r="AA35" s="35"/>
    </row>
    <row r="36" spans="1:37" s="34" customFormat="1" ht="19.5" customHeight="1" x14ac:dyDescent="0.15">
      <c r="B36" s="3"/>
      <c r="C36" s="356" t="s">
        <v>210</v>
      </c>
      <c r="D36" s="356"/>
      <c r="E36" s="356"/>
      <c r="F36" s="356"/>
      <c r="G36" s="356"/>
      <c r="H36" s="356"/>
      <c r="I36" s="356"/>
      <c r="J36" s="356"/>
      <c r="K36" s="356"/>
      <c r="L36" s="356"/>
      <c r="M36" s="356"/>
      <c r="N36" s="356"/>
      <c r="O36" s="356"/>
      <c r="P36" s="356"/>
      <c r="Q36" s="356"/>
      <c r="R36" s="356"/>
      <c r="S36" s="356"/>
      <c r="T36" s="356"/>
      <c r="U36" s="356"/>
      <c r="V36" s="356"/>
      <c r="W36" s="356"/>
      <c r="X36" s="356"/>
      <c r="Y36" s="356"/>
      <c r="Z36" s="356"/>
      <c r="AA36" s="35"/>
    </row>
    <row r="37" spans="1:37" s="4" customFormat="1" ht="12.75" customHeight="1" x14ac:dyDescent="0.15">
      <c r="A37" s="34"/>
      <c r="B37" s="3"/>
      <c r="C37" s="13"/>
      <c r="D37" s="13"/>
      <c r="E37" s="13"/>
      <c r="F37" s="13"/>
      <c r="G37" s="13"/>
      <c r="H37" s="13"/>
      <c r="I37" s="13"/>
      <c r="J37" s="13"/>
      <c r="K37" s="13"/>
      <c r="L37" s="13"/>
      <c r="M37" s="13"/>
      <c r="N37" s="13"/>
      <c r="O37" s="13"/>
      <c r="P37" s="34"/>
      <c r="Q37" s="34"/>
      <c r="R37" s="34"/>
      <c r="S37" s="34"/>
      <c r="T37" s="34"/>
      <c r="U37" s="34"/>
      <c r="V37" s="34"/>
      <c r="W37" s="34"/>
      <c r="X37" s="34"/>
      <c r="Y37" s="34"/>
      <c r="Z37" s="34"/>
      <c r="AA37" s="35"/>
      <c r="AB37" s="34"/>
      <c r="AC37" s="34"/>
      <c r="AD37" s="34"/>
      <c r="AE37" s="34"/>
      <c r="AF37" s="34"/>
      <c r="AG37" s="34"/>
      <c r="AH37" s="34"/>
      <c r="AI37" s="34"/>
      <c r="AJ37" s="34"/>
      <c r="AK37" s="34"/>
    </row>
    <row r="38" spans="1:37" s="4" customFormat="1" ht="18" customHeight="1" x14ac:dyDescent="0.15">
      <c r="A38" s="34"/>
      <c r="B38" s="3"/>
      <c r="C38" s="34"/>
      <c r="D38" s="354" t="s">
        <v>211</v>
      </c>
      <c r="E38" s="354"/>
      <c r="F38" s="354"/>
      <c r="G38" s="354"/>
      <c r="H38" s="354"/>
      <c r="I38" s="354"/>
      <c r="J38" s="354"/>
      <c r="K38" s="354"/>
      <c r="L38" s="354"/>
      <c r="M38" s="354"/>
      <c r="N38" s="354"/>
      <c r="O38" s="354"/>
      <c r="P38" s="354"/>
      <c r="Q38" s="354"/>
      <c r="R38" s="354"/>
      <c r="S38" s="354"/>
      <c r="T38" s="354"/>
      <c r="U38" s="354"/>
      <c r="V38" s="354"/>
      <c r="W38" s="34"/>
      <c r="X38" s="34"/>
      <c r="Y38" s="355" t="s">
        <v>196</v>
      </c>
      <c r="Z38" s="355"/>
      <c r="AA38" s="35"/>
      <c r="AB38" s="34"/>
      <c r="AC38" s="34"/>
      <c r="AD38" s="34"/>
      <c r="AE38" s="34"/>
      <c r="AF38" s="34"/>
      <c r="AG38" s="34"/>
      <c r="AH38" s="34"/>
      <c r="AI38" s="34"/>
      <c r="AJ38" s="34"/>
      <c r="AK38" s="34"/>
    </row>
    <row r="39" spans="1:37" s="4" customFormat="1" ht="37.5" customHeight="1" x14ac:dyDescent="0.15">
      <c r="B39" s="41"/>
      <c r="D39" s="354" t="s">
        <v>212</v>
      </c>
      <c r="E39" s="354"/>
      <c r="F39" s="354"/>
      <c r="G39" s="354"/>
      <c r="H39" s="354"/>
      <c r="I39" s="354"/>
      <c r="J39" s="354"/>
      <c r="K39" s="354"/>
      <c r="L39" s="354"/>
      <c r="M39" s="354"/>
      <c r="N39" s="354"/>
      <c r="O39" s="354"/>
      <c r="P39" s="354"/>
      <c r="Q39" s="354"/>
      <c r="R39" s="354"/>
      <c r="S39" s="354"/>
      <c r="T39" s="354"/>
      <c r="U39" s="354"/>
      <c r="V39" s="354"/>
      <c r="Y39" s="355" t="s">
        <v>196</v>
      </c>
      <c r="Z39" s="355"/>
      <c r="AA39" s="2"/>
    </row>
    <row r="40" spans="1:37" ht="19.5" customHeight="1" x14ac:dyDescent="0.15">
      <c r="A40" s="4"/>
      <c r="B40" s="41"/>
      <c r="C40" s="4"/>
      <c r="D40" s="354" t="s">
        <v>213</v>
      </c>
      <c r="E40" s="354"/>
      <c r="F40" s="354"/>
      <c r="G40" s="354"/>
      <c r="H40" s="354"/>
      <c r="I40" s="354"/>
      <c r="J40" s="354"/>
      <c r="K40" s="354"/>
      <c r="L40" s="354"/>
      <c r="M40" s="354"/>
      <c r="N40" s="354"/>
      <c r="O40" s="354"/>
      <c r="P40" s="354"/>
      <c r="Q40" s="354"/>
      <c r="R40" s="354"/>
      <c r="S40" s="354"/>
      <c r="T40" s="354"/>
      <c r="U40" s="354"/>
      <c r="V40" s="354"/>
      <c r="W40" s="4"/>
      <c r="X40" s="4"/>
      <c r="Y40" s="355" t="s">
        <v>196</v>
      </c>
      <c r="Z40" s="355"/>
      <c r="AA40" s="2"/>
      <c r="AB40" s="4"/>
      <c r="AC40" s="4"/>
      <c r="AD40" s="4"/>
      <c r="AE40" s="4"/>
      <c r="AF40" s="4"/>
      <c r="AG40" s="4"/>
      <c r="AH40" s="4"/>
      <c r="AI40" s="4"/>
      <c r="AJ40" s="4"/>
      <c r="AK40" s="4"/>
    </row>
    <row r="41" spans="1:37" s="34" customFormat="1" ht="19.5" customHeight="1" x14ac:dyDescent="0.15">
      <c r="A41" s="4"/>
      <c r="B41" s="41"/>
      <c r="C41" s="4"/>
      <c r="D41" s="354" t="s">
        <v>214</v>
      </c>
      <c r="E41" s="354"/>
      <c r="F41" s="354"/>
      <c r="G41" s="354"/>
      <c r="H41" s="354"/>
      <c r="I41" s="354"/>
      <c r="J41" s="354"/>
      <c r="K41" s="354"/>
      <c r="L41" s="354"/>
      <c r="M41" s="354"/>
      <c r="N41" s="354"/>
      <c r="O41" s="354"/>
      <c r="P41" s="354"/>
      <c r="Q41" s="354"/>
      <c r="R41" s="354"/>
      <c r="S41" s="354"/>
      <c r="T41" s="354"/>
      <c r="U41" s="354"/>
      <c r="V41" s="354"/>
      <c r="W41" s="4"/>
      <c r="X41" s="4"/>
      <c r="Y41" s="355" t="s">
        <v>196</v>
      </c>
      <c r="Z41" s="355"/>
      <c r="AA41" s="2"/>
      <c r="AB41" s="4"/>
      <c r="AC41" s="4"/>
      <c r="AD41" s="4"/>
      <c r="AE41" s="4"/>
      <c r="AF41" s="4"/>
      <c r="AG41" s="4"/>
      <c r="AH41" s="4"/>
      <c r="AI41" s="4"/>
      <c r="AJ41" s="4"/>
      <c r="AK41" s="4"/>
    </row>
    <row r="42" spans="1:37" s="34" customFormat="1" ht="16.5" customHeight="1" x14ac:dyDescent="0.15">
      <c r="A42" s="4"/>
      <c r="B42" s="41"/>
      <c r="C42" s="4"/>
      <c r="D42" s="354" t="s">
        <v>215</v>
      </c>
      <c r="E42" s="354"/>
      <c r="F42" s="354"/>
      <c r="G42" s="354"/>
      <c r="H42" s="354"/>
      <c r="I42" s="354"/>
      <c r="J42" s="354"/>
      <c r="K42" s="354"/>
      <c r="L42" s="354"/>
      <c r="M42" s="354"/>
      <c r="N42" s="354"/>
      <c r="O42" s="354"/>
      <c r="P42" s="354"/>
      <c r="Q42" s="354"/>
      <c r="R42" s="354"/>
      <c r="S42" s="354"/>
      <c r="T42" s="354"/>
      <c r="U42" s="354"/>
      <c r="V42" s="354"/>
      <c r="W42" s="4"/>
      <c r="X42" s="4"/>
      <c r="Y42" s="100"/>
      <c r="Z42" s="100"/>
      <c r="AA42" s="2"/>
      <c r="AB42" s="4"/>
      <c r="AC42" s="4"/>
      <c r="AD42" s="4"/>
      <c r="AE42" s="4"/>
      <c r="AF42" s="4"/>
      <c r="AG42" s="4"/>
      <c r="AH42" s="4"/>
      <c r="AI42" s="4"/>
      <c r="AJ42" s="4"/>
      <c r="AK42" s="4"/>
    </row>
    <row r="43" spans="1:37" s="34" customFormat="1" ht="8.25" customHeight="1" x14ac:dyDescent="0.15">
      <c r="A43" s="7"/>
      <c r="B43" s="101"/>
      <c r="C43" s="8"/>
      <c r="D43" s="8"/>
      <c r="E43" s="8"/>
      <c r="F43" s="8"/>
      <c r="G43" s="8"/>
      <c r="H43" s="8"/>
      <c r="I43" s="8"/>
      <c r="J43" s="8"/>
      <c r="K43" s="8"/>
      <c r="L43" s="8"/>
      <c r="M43" s="8"/>
      <c r="N43" s="8"/>
      <c r="O43" s="8"/>
      <c r="P43" s="8"/>
      <c r="Q43" s="8"/>
      <c r="R43" s="8"/>
      <c r="S43" s="8"/>
      <c r="T43" s="8"/>
      <c r="U43" s="8"/>
      <c r="V43" s="8"/>
      <c r="W43" s="8"/>
      <c r="X43" s="8"/>
      <c r="Y43" s="8"/>
      <c r="Z43" s="8"/>
      <c r="AA43" s="72"/>
      <c r="AB43" s="7"/>
      <c r="AC43" s="7"/>
      <c r="AD43" s="7"/>
      <c r="AE43" s="7"/>
      <c r="AF43" s="7"/>
      <c r="AG43" s="7"/>
      <c r="AH43" s="7"/>
      <c r="AI43" s="7"/>
      <c r="AJ43" s="7"/>
      <c r="AK43" s="7"/>
    </row>
    <row r="44" spans="1:37" s="34" customFormat="1" x14ac:dyDescent="0.15"/>
    <row r="45" spans="1:37" s="34" customFormat="1" ht="19.5" customHeight="1" x14ac:dyDescent="0.15">
      <c r="B45" s="34" t="s">
        <v>216</v>
      </c>
    </row>
    <row r="46" spans="1:37" s="34" customFormat="1" ht="19.5" customHeight="1" x14ac:dyDescent="0.15">
      <c r="B46" s="30"/>
      <c r="C46" s="31"/>
      <c r="D46" s="31"/>
      <c r="E46" s="31"/>
      <c r="F46" s="31"/>
      <c r="G46" s="31"/>
      <c r="H46" s="31"/>
      <c r="I46" s="31"/>
      <c r="J46" s="31"/>
      <c r="K46" s="31"/>
      <c r="L46" s="31"/>
      <c r="M46" s="31"/>
      <c r="N46" s="31"/>
      <c r="O46" s="31"/>
      <c r="P46" s="31"/>
      <c r="Q46" s="31"/>
      <c r="R46" s="31"/>
      <c r="S46" s="31"/>
      <c r="T46" s="31"/>
      <c r="U46" s="31"/>
      <c r="V46" s="31"/>
      <c r="W46" s="31"/>
      <c r="X46" s="31"/>
      <c r="Y46" s="31"/>
      <c r="Z46" s="31"/>
      <c r="AA46" s="32"/>
    </row>
    <row r="47" spans="1:37" s="34" customFormat="1" ht="19.5" customHeight="1" x14ac:dyDescent="0.15">
      <c r="B47" s="3"/>
      <c r="C47" s="34" t="s">
        <v>217</v>
      </c>
      <c r="D47" s="13"/>
      <c r="E47" s="13"/>
      <c r="F47" s="13"/>
      <c r="G47" s="13"/>
      <c r="H47" s="13"/>
      <c r="I47" s="13"/>
      <c r="J47" s="13"/>
      <c r="K47" s="13"/>
      <c r="L47" s="13"/>
      <c r="M47" s="13"/>
      <c r="N47" s="13"/>
      <c r="O47" s="13"/>
      <c r="Y47" s="43"/>
      <c r="Z47" s="43"/>
      <c r="AA47" s="35"/>
    </row>
    <row r="48" spans="1:37" s="34" customFormat="1" ht="19.5" customHeight="1" x14ac:dyDescent="0.15">
      <c r="B48" s="3"/>
      <c r="C48" s="34" t="s">
        <v>218</v>
      </c>
      <c r="D48" s="13"/>
      <c r="E48" s="13"/>
      <c r="F48" s="13"/>
      <c r="G48" s="13"/>
      <c r="H48" s="13"/>
      <c r="I48" s="13"/>
      <c r="J48" s="13"/>
      <c r="K48" s="13"/>
      <c r="L48" s="13"/>
      <c r="M48" s="13"/>
      <c r="N48" s="13"/>
      <c r="O48" s="13"/>
      <c r="Y48" s="355" t="s">
        <v>196</v>
      </c>
      <c r="Z48" s="355"/>
      <c r="AA48" s="35"/>
    </row>
    <row r="49" spans="1:37" s="34" customFormat="1" ht="19.5" customHeight="1" x14ac:dyDescent="0.15">
      <c r="B49" s="3"/>
      <c r="D49" s="360" t="s">
        <v>219</v>
      </c>
      <c r="E49" s="358"/>
      <c r="F49" s="358"/>
      <c r="G49" s="358"/>
      <c r="H49" s="358"/>
      <c r="I49" s="358"/>
      <c r="J49" s="358"/>
      <c r="K49" s="358"/>
      <c r="L49" s="358"/>
      <c r="M49" s="358"/>
      <c r="N49" s="358"/>
      <c r="O49" s="358"/>
      <c r="P49" s="358"/>
      <c r="Q49" s="358"/>
      <c r="R49" s="361" t="s">
        <v>220</v>
      </c>
      <c r="S49" s="362"/>
      <c r="T49" s="362"/>
      <c r="U49" s="362"/>
      <c r="V49" s="363"/>
      <c r="AA49" s="35"/>
    </row>
    <row r="50" spans="1:37" s="34" customFormat="1" ht="19.5" customHeight="1" x14ac:dyDescent="0.15">
      <c r="B50" s="3"/>
      <c r="D50" s="360" t="s">
        <v>221</v>
      </c>
      <c r="E50" s="358"/>
      <c r="F50" s="358"/>
      <c r="G50" s="358"/>
      <c r="H50" s="358"/>
      <c r="I50" s="358"/>
      <c r="J50" s="358"/>
      <c r="K50" s="358"/>
      <c r="L50" s="358"/>
      <c r="M50" s="358"/>
      <c r="N50" s="358"/>
      <c r="O50" s="358"/>
      <c r="P50" s="358"/>
      <c r="Q50" s="359"/>
      <c r="R50" s="361" t="s">
        <v>220</v>
      </c>
      <c r="S50" s="362"/>
      <c r="T50" s="362"/>
      <c r="U50" s="362"/>
      <c r="V50" s="363"/>
      <c r="AA50" s="35"/>
    </row>
    <row r="51" spans="1:37" s="34" customFormat="1" ht="19.5" customHeight="1" x14ac:dyDescent="0.15">
      <c r="B51" s="3"/>
      <c r="C51" s="34" t="s">
        <v>199</v>
      </c>
      <c r="D51" s="13"/>
      <c r="E51" s="13"/>
      <c r="F51" s="13"/>
      <c r="G51" s="13"/>
      <c r="H51" s="13"/>
      <c r="I51" s="13"/>
      <c r="J51" s="13"/>
      <c r="K51" s="13"/>
      <c r="L51" s="13"/>
      <c r="M51" s="13"/>
      <c r="N51" s="13"/>
      <c r="O51" s="13"/>
      <c r="Y51" s="355" t="s">
        <v>196</v>
      </c>
      <c r="Z51" s="355"/>
      <c r="AA51" s="35"/>
    </row>
    <row r="52" spans="1:37" s="34" customFormat="1" ht="19.5" customHeight="1" x14ac:dyDescent="0.15">
      <c r="B52" s="3"/>
      <c r="C52" s="34" t="s">
        <v>200</v>
      </c>
      <c r="D52" s="13"/>
      <c r="E52" s="13"/>
      <c r="F52" s="13"/>
      <c r="G52" s="13"/>
      <c r="H52" s="13"/>
      <c r="I52" s="13"/>
      <c r="J52" s="13"/>
      <c r="K52" s="13"/>
      <c r="L52" s="13"/>
      <c r="M52" s="13"/>
      <c r="N52" s="13"/>
      <c r="O52" s="13"/>
      <c r="Y52" s="355" t="s">
        <v>196</v>
      </c>
      <c r="Z52" s="355"/>
      <c r="AA52" s="35"/>
    </row>
    <row r="53" spans="1:37" s="34" customFormat="1" ht="23.25" customHeight="1" x14ac:dyDescent="0.15">
      <c r="B53" s="3"/>
      <c r="D53" s="356" t="s">
        <v>222</v>
      </c>
      <c r="E53" s="356"/>
      <c r="F53" s="356"/>
      <c r="G53" s="356"/>
      <c r="H53" s="356"/>
      <c r="I53" s="356"/>
      <c r="J53" s="356"/>
      <c r="K53" s="13"/>
      <c r="L53" s="13"/>
      <c r="M53" s="13"/>
      <c r="N53" s="13"/>
      <c r="O53" s="13"/>
      <c r="Y53" s="43"/>
      <c r="Z53" s="43"/>
      <c r="AA53" s="35"/>
    </row>
    <row r="54" spans="1:37" s="34" customFormat="1" ht="23.25" customHeight="1" x14ac:dyDescent="0.15">
      <c r="B54" s="3"/>
      <c r="C54" s="34" t="s">
        <v>202</v>
      </c>
      <c r="AA54" s="35"/>
    </row>
    <row r="55" spans="1:37" s="34" customFormat="1" ht="6.75" customHeight="1" x14ac:dyDescent="0.15">
      <c r="B55" s="3"/>
      <c r="AA55" s="35"/>
    </row>
    <row r="56" spans="1:37" s="34" customFormat="1" ht="19.5" customHeight="1" x14ac:dyDescent="0.15">
      <c r="B56" s="3" t="s">
        <v>223</v>
      </c>
      <c r="C56" s="316" t="s">
        <v>204</v>
      </c>
      <c r="D56" s="322"/>
      <c r="E56" s="322"/>
      <c r="F56" s="322"/>
      <c r="G56" s="322"/>
      <c r="H56" s="357"/>
      <c r="I56" s="358"/>
      <c r="J56" s="358"/>
      <c r="K56" s="358"/>
      <c r="L56" s="358"/>
      <c r="M56" s="358"/>
      <c r="N56" s="358"/>
      <c r="O56" s="358"/>
      <c r="P56" s="358"/>
      <c r="Q56" s="358"/>
      <c r="R56" s="358"/>
      <c r="S56" s="358"/>
      <c r="T56" s="358"/>
      <c r="U56" s="358"/>
      <c r="V56" s="358"/>
      <c r="W56" s="358"/>
      <c r="X56" s="358"/>
      <c r="Y56" s="358"/>
      <c r="Z56" s="359"/>
      <c r="AA56" s="35"/>
    </row>
    <row r="57" spans="1:37" s="34" customFormat="1" ht="19.5" customHeight="1" x14ac:dyDescent="0.15">
      <c r="B57" s="3" t="s">
        <v>224</v>
      </c>
      <c r="C57" s="316" t="s">
        <v>205</v>
      </c>
      <c r="D57" s="322"/>
      <c r="E57" s="322"/>
      <c r="F57" s="322"/>
      <c r="G57" s="322"/>
      <c r="H57" s="357"/>
      <c r="I57" s="358"/>
      <c r="J57" s="358"/>
      <c r="K57" s="358"/>
      <c r="L57" s="358"/>
      <c r="M57" s="358"/>
      <c r="N57" s="358"/>
      <c r="O57" s="358"/>
      <c r="P57" s="358"/>
      <c r="Q57" s="358"/>
      <c r="R57" s="358"/>
      <c r="S57" s="358"/>
      <c r="T57" s="358"/>
      <c r="U57" s="358"/>
      <c r="V57" s="358"/>
      <c r="W57" s="358"/>
      <c r="X57" s="358"/>
      <c r="Y57" s="358"/>
      <c r="Z57" s="359"/>
      <c r="AA57" s="35"/>
    </row>
    <row r="58" spans="1:37" s="34" customFormat="1" ht="19.5" customHeight="1" x14ac:dyDescent="0.15">
      <c r="B58" s="3" t="s">
        <v>223</v>
      </c>
      <c r="C58" s="316" t="s">
        <v>206</v>
      </c>
      <c r="D58" s="322"/>
      <c r="E58" s="322"/>
      <c r="F58" s="322"/>
      <c r="G58" s="322"/>
      <c r="H58" s="357"/>
      <c r="I58" s="358"/>
      <c r="J58" s="358"/>
      <c r="K58" s="358"/>
      <c r="L58" s="358"/>
      <c r="M58" s="358"/>
      <c r="N58" s="358"/>
      <c r="O58" s="358"/>
      <c r="P58" s="358"/>
      <c r="Q58" s="358"/>
      <c r="R58" s="358"/>
      <c r="S58" s="358"/>
      <c r="T58" s="358"/>
      <c r="U58" s="358"/>
      <c r="V58" s="358"/>
      <c r="W58" s="358"/>
      <c r="X58" s="358"/>
      <c r="Y58" s="358"/>
      <c r="Z58" s="359"/>
      <c r="AA58" s="35"/>
    </row>
    <row r="59" spans="1:37" s="34" customFormat="1" ht="19.5" customHeight="1" x14ac:dyDescent="0.15">
      <c r="B59" s="3"/>
      <c r="C59" s="13"/>
      <c r="D59" s="13"/>
      <c r="E59" s="13"/>
      <c r="F59" s="13"/>
      <c r="G59" s="13"/>
      <c r="H59" s="13"/>
      <c r="I59" s="4"/>
      <c r="J59" s="4"/>
      <c r="K59" s="4"/>
      <c r="L59" s="4"/>
      <c r="M59" s="4"/>
      <c r="N59" s="4"/>
      <c r="O59" s="4"/>
      <c r="P59" s="4"/>
      <c r="Q59" s="4"/>
      <c r="R59" s="4"/>
      <c r="S59" s="4"/>
      <c r="T59" s="4"/>
      <c r="U59" s="4"/>
      <c r="V59" s="4"/>
      <c r="W59" s="4"/>
      <c r="X59" s="4"/>
      <c r="Y59" s="4"/>
      <c r="Z59" s="4"/>
      <c r="AA59" s="35"/>
    </row>
    <row r="60" spans="1:37" s="4" customFormat="1" ht="18" customHeight="1" x14ac:dyDescent="0.15">
      <c r="A60" s="34"/>
      <c r="B60" s="3"/>
      <c r="C60" s="336" t="s">
        <v>225</v>
      </c>
      <c r="D60" s="336"/>
      <c r="E60" s="336"/>
      <c r="F60" s="336"/>
      <c r="G60" s="336"/>
      <c r="H60" s="336"/>
      <c r="I60" s="336"/>
      <c r="J60" s="336"/>
      <c r="K60" s="336"/>
      <c r="L60" s="336"/>
      <c r="M60" s="336"/>
      <c r="N60" s="336"/>
      <c r="O60" s="336"/>
      <c r="P60" s="336"/>
      <c r="Q60" s="336"/>
      <c r="R60" s="336"/>
      <c r="S60" s="336"/>
      <c r="T60" s="336"/>
      <c r="U60" s="336"/>
      <c r="V60" s="336"/>
      <c r="W60" s="336"/>
      <c r="X60" s="336"/>
      <c r="Y60" s="336"/>
      <c r="Z60" s="336"/>
      <c r="AA60" s="337"/>
      <c r="AB60" s="34"/>
      <c r="AC60" s="34"/>
      <c r="AD60" s="34"/>
      <c r="AE60" s="34"/>
      <c r="AF60" s="34"/>
      <c r="AG60" s="34"/>
      <c r="AH60" s="34"/>
      <c r="AI60" s="34"/>
      <c r="AJ60" s="34"/>
      <c r="AK60" s="34"/>
    </row>
    <row r="61" spans="1:37" s="4" customFormat="1" ht="18" customHeight="1" x14ac:dyDescent="0.15">
      <c r="A61" s="34"/>
      <c r="B61" s="3"/>
      <c r="C61" s="13"/>
      <c r="D61" s="13"/>
      <c r="E61" s="13"/>
      <c r="F61" s="13"/>
      <c r="G61" s="13"/>
      <c r="H61" s="13"/>
      <c r="I61" s="13"/>
      <c r="J61" s="13"/>
      <c r="K61" s="13"/>
      <c r="L61" s="13"/>
      <c r="M61" s="13"/>
      <c r="N61" s="13"/>
      <c r="O61" s="13"/>
      <c r="P61" s="34"/>
      <c r="Q61" s="34"/>
      <c r="R61" s="34"/>
      <c r="S61" s="34"/>
      <c r="T61" s="34"/>
      <c r="U61" s="34"/>
      <c r="V61" s="34"/>
      <c r="W61" s="34"/>
      <c r="X61" s="34"/>
      <c r="Y61" s="34"/>
      <c r="Z61" s="34"/>
      <c r="AA61" s="35"/>
      <c r="AB61" s="34"/>
      <c r="AC61" s="34"/>
      <c r="AD61" s="34"/>
      <c r="AE61" s="34"/>
      <c r="AF61" s="34"/>
      <c r="AG61" s="34"/>
      <c r="AH61" s="34"/>
      <c r="AI61" s="34"/>
      <c r="AJ61" s="34"/>
      <c r="AK61" s="34"/>
    </row>
    <row r="62" spans="1:37" s="4" customFormat="1" ht="19.5" customHeight="1" x14ac:dyDescent="0.15">
      <c r="A62" s="34"/>
      <c r="B62" s="3"/>
      <c r="C62" s="34"/>
      <c r="D62" s="354" t="s">
        <v>226</v>
      </c>
      <c r="E62" s="354"/>
      <c r="F62" s="354"/>
      <c r="G62" s="354"/>
      <c r="H62" s="354"/>
      <c r="I62" s="354"/>
      <c r="J62" s="354"/>
      <c r="K62" s="354"/>
      <c r="L62" s="354"/>
      <c r="M62" s="354"/>
      <c r="N62" s="354"/>
      <c r="O62" s="354"/>
      <c r="P62" s="354"/>
      <c r="Q62" s="354"/>
      <c r="R62" s="354"/>
      <c r="S62" s="354"/>
      <c r="T62" s="354"/>
      <c r="U62" s="354"/>
      <c r="V62" s="354"/>
      <c r="W62" s="34"/>
      <c r="X62" s="34"/>
      <c r="Y62" s="355" t="s">
        <v>196</v>
      </c>
      <c r="Z62" s="355"/>
      <c r="AA62" s="35"/>
      <c r="AB62" s="34"/>
      <c r="AC62" s="34"/>
      <c r="AD62" s="34"/>
      <c r="AE62" s="34"/>
      <c r="AF62" s="34"/>
      <c r="AG62" s="34"/>
      <c r="AH62" s="34"/>
      <c r="AI62" s="34"/>
      <c r="AJ62" s="34"/>
      <c r="AK62" s="34"/>
    </row>
    <row r="63" spans="1:37" ht="19.5" customHeight="1" x14ac:dyDescent="0.15">
      <c r="A63" s="4"/>
      <c r="B63" s="41"/>
      <c r="C63" s="4"/>
      <c r="D63" s="354" t="s">
        <v>212</v>
      </c>
      <c r="E63" s="354"/>
      <c r="F63" s="354"/>
      <c r="G63" s="354"/>
      <c r="H63" s="354"/>
      <c r="I63" s="354"/>
      <c r="J63" s="354"/>
      <c r="K63" s="354"/>
      <c r="L63" s="354"/>
      <c r="M63" s="354"/>
      <c r="N63" s="354"/>
      <c r="O63" s="354"/>
      <c r="P63" s="354"/>
      <c r="Q63" s="354"/>
      <c r="R63" s="354"/>
      <c r="S63" s="354"/>
      <c r="T63" s="354"/>
      <c r="U63" s="354"/>
      <c r="V63" s="354"/>
      <c r="W63" s="4"/>
      <c r="X63" s="4"/>
      <c r="Y63" s="355" t="s">
        <v>196</v>
      </c>
      <c r="Z63" s="355"/>
      <c r="AA63" s="2"/>
      <c r="AB63" s="4"/>
      <c r="AC63" s="4"/>
      <c r="AD63" s="4"/>
      <c r="AE63" s="4"/>
      <c r="AF63" s="4"/>
      <c r="AG63" s="4"/>
      <c r="AH63" s="4"/>
      <c r="AI63" s="4"/>
      <c r="AJ63" s="4"/>
      <c r="AK63" s="4"/>
    </row>
    <row r="64" spans="1:37" ht="19.5" customHeight="1" x14ac:dyDescent="0.15">
      <c r="A64" s="4"/>
      <c r="B64" s="41"/>
      <c r="C64" s="4"/>
      <c r="D64" s="354" t="s">
        <v>213</v>
      </c>
      <c r="E64" s="354"/>
      <c r="F64" s="354"/>
      <c r="G64" s="354"/>
      <c r="H64" s="354"/>
      <c r="I64" s="354"/>
      <c r="J64" s="354"/>
      <c r="K64" s="354"/>
      <c r="L64" s="354"/>
      <c r="M64" s="354"/>
      <c r="N64" s="354"/>
      <c r="O64" s="354"/>
      <c r="P64" s="354"/>
      <c r="Q64" s="354"/>
      <c r="R64" s="354"/>
      <c r="S64" s="354"/>
      <c r="T64" s="354"/>
      <c r="U64" s="354"/>
      <c r="V64" s="354"/>
      <c r="W64" s="4"/>
      <c r="X64" s="4"/>
      <c r="Y64" s="355" t="s">
        <v>196</v>
      </c>
      <c r="Z64" s="355"/>
      <c r="AA64" s="2"/>
      <c r="AB64" s="4"/>
      <c r="AC64" s="4"/>
      <c r="AD64" s="4"/>
      <c r="AE64" s="4"/>
      <c r="AF64" s="4"/>
      <c r="AG64" s="4"/>
      <c r="AH64" s="4"/>
      <c r="AI64" s="4"/>
      <c r="AJ64" s="4"/>
      <c r="AK64" s="4"/>
    </row>
    <row r="65" spans="1:37" ht="19.5" customHeight="1" x14ac:dyDescent="0.15">
      <c r="A65" s="4"/>
      <c r="B65" s="41"/>
      <c r="C65" s="4"/>
      <c r="D65" s="354" t="s">
        <v>214</v>
      </c>
      <c r="E65" s="354"/>
      <c r="F65" s="354"/>
      <c r="G65" s="354"/>
      <c r="H65" s="354"/>
      <c r="I65" s="354"/>
      <c r="J65" s="354"/>
      <c r="K65" s="354"/>
      <c r="L65" s="354"/>
      <c r="M65" s="354"/>
      <c r="N65" s="354"/>
      <c r="O65" s="354"/>
      <c r="P65" s="354"/>
      <c r="Q65" s="354"/>
      <c r="R65" s="354"/>
      <c r="S65" s="354"/>
      <c r="T65" s="354"/>
      <c r="U65" s="354"/>
      <c r="V65" s="354"/>
      <c r="W65" s="4"/>
      <c r="X65" s="4"/>
      <c r="Y65" s="355" t="s">
        <v>196</v>
      </c>
      <c r="Z65" s="355"/>
      <c r="AA65" s="2"/>
      <c r="AB65" s="4"/>
      <c r="AC65" s="4"/>
      <c r="AD65" s="4"/>
      <c r="AE65" s="4"/>
      <c r="AF65" s="4"/>
      <c r="AG65" s="4"/>
      <c r="AH65" s="4"/>
      <c r="AI65" s="4"/>
      <c r="AJ65" s="4"/>
      <c r="AK65" s="4"/>
    </row>
    <row r="66" spans="1:37" s="4" customFormat="1" x14ac:dyDescent="0.15">
      <c r="B66" s="41"/>
      <c r="D66" s="354" t="s">
        <v>227</v>
      </c>
      <c r="E66" s="354"/>
      <c r="F66" s="354"/>
      <c r="G66" s="354"/>
      <c r="H66" s="354"/>
      <c r="I66" s="354"/>
      <c r="J66" s="354"/>
      <c r="K66" s="354"/>
      <c r="L66" s="354"/>
      <c r="M66" s="354"/>
      <c r="N66" s="354"/>
      <c r="O66" s="354"/>
      <c r="P66" s="354"/>
      <c r="Q66" s="354"/>
      <c r="R66" s="354"/>
      <c r="S66" s="354"/>
      <c r="T66" s="354"/>
      <c r="U66" s="354"/>
      <c r="V66" s="354"/>
      <c r="Y66" s="100"/>
      <c r="Z66" s="100"/>
      <c r="AA66" s="2"/>
    </row>
    <row r="67" spans="1:37" s="4" customFormat="1" x14ac:dyDescent="0.15">
      <c r="A67" s="7"/>
      <c r="B67" s="101"/>
      <c r="C67" s="8"/>
      <c r="D67" s="8"/>
      <c r="E67" s="8"/>
      <c r="F67" s="8"/>
      <c r="G67" s="8"/>
      <c r="H67" s="8"/>
      <c r="I67" s="8"/>
      <c r="J67" s="8"/>
      <c r="K67" s="8"/>
      <c r="L67" s="8"/>
      <c r="M67" s="8"/>
      <c r="N67" s="8"/>
      <c r="O67" s="8"/>
      <c r="P67" s="8"/>
      <c r="Q67" s="8"/>
      <c r="R67" s="8"/>
      <c r="S67" s="8"/>
      <c r="T67" s="8"/>
      <c r="U67" s="8"/>
      <c r="V67" s="8"/>
      <c r="W67" s="8"/>
      <c r="X67" s="8"/>
      <c r="Y67" s="8"/>
      <c r="Z67" s="8"/>
      <c r="AA67" s="72"/>
      <c r="AB67" s="7"/>
      <c r="AC67" s="7"/>
      <c r="AD67" s="7"/>
      <c r="AE67" s="7"/>
      <c r="AF67" s="7"/>
      <c r="AG67" s="7"/>
      <c r="AH67" s="7"/>
      <c r="AI67" s="7"/>
      <c r="AJ67" s="7"/>
      <c r="AK67" s="7"/>
    </row>
    <row r="68" spans="1:37" s="4" customFormat="1" x14ac:dyDescent="0.15">
      <c r="A68" s="7"/>
      <c r="B68" s="102"/>
      <c r="C68" s="7"/>
      <c r="D68" s="7"/>
      <c r="E68" s="7"/>
      <c r="F68" s="7"/>
      <c r="G68" s="7"/>
      <c r="H68" s="7"/>
      <c r="I68" s="7"/>
      <c r="J68" s="7"/>
      <c r="K68" s="7"/>
      <c r="L68" s="7"/>
      <c r="M68" s="7"/>
      <c r="N68" s="7"/>
      <c r="O68" s="7"/>
      <c r="P68" s="7"/>
      <c r="Q68" s="7"/>
      <c r="R68" s="7"/>
      <c r="S68" s="7"/>
      <c r="T68" s="7"/>
      <c r="U68" s="7"/>
      <c r="V68" s="7"/>
      <c r="W68" s="7"/>
      <c r="X68" s="7"/>
      <c r="Y68" s="7"/>
      <c r="Z68" s="7"/>
      <c r="AA68" s="7"/>
      <c r="AB68" s="7"/>
      <c r="AC68" s="7"/>
      <c r="AD68" s="7"/>
      <c r="AE68" s="7"/>
      <c r="AF68" s="7"/>
      <c r="AG68" s="7"/>
      <c r="AH68" s="7"/>
      <c r="AI68" s="7"/>
      <c r="AJ68" s="7"/>
      <c r="AK68" s="7"/>
    </row>
    <row r="69" spans="1:37" ht="36.950000000000003" customHeight="1" x14ac:dyDescent="0.15">
      <c r="B69" s="353" t="s">
        <v>228</v>
      </c>
      <c r="C69" s="353"/>
      <c r="D69" s="353"/>
      <c r="E69" s="353"/>
      <c r="F69" s="353"/>
      <c r="G69" s="353"/>
      <c r="H69" s="353"/>
      <c r="I69" s="353"/>
      <c r="J69" s="353"/>
      <c r="K69" s="353"/>
      <c r="L69" s="353"/>
      <c r="M69" s="353"/>
      <c r="N69" s="353"/>
      <c r="O69" s="353"/>
      <c r="P69" s="353"/>
      <c r="Q69" s="353"/>
      <c r="R69" s="353"/>
      <c r="S69" s="353"/>
      <c r="T69" s="353"/>
      <c r="U69" s="353"/>
      <c r="V69" s="353"/>
      <c r="W69" s="353"/>
      <c r="X69" s="353"/>
      <c r="Y69" s="353"/>
      <c r="Z69" s="353"/>
      <c r="AA69" s="353"/>
    </row>
    <row r="70" spans="1:37" x14ac:dyDescent="0.15">
      <c r="A70" s="4"/>
      <c r="B70" s="353" t="s">
        <v>229</v>
      </c>
      <c r="C70" s="353"/>
      <c r="D70" s="353"/>
      <c r="E70" s="353"/>
      <c r="F70" s="353"/>
      <c r="G70" s="353"/>
      <c r="H70" s="353"/>
      <c r="I70" s="353"/>
      <c r="J70" s="353"/>
      <c r="K70" s="353"/>
      <c r="L70" s="353"/>
      <c r="M70" s="353"/>
      <c r="N70" s="353"/>
      <c r="O70" s="353"/>
      <c r="P70" s="353"/>
      <c r="Q70" s="353"/>
      <c r="R70" s="353"/>
      <c r="S70" s="353"/>
      <c r="T70" s="353"/>
      <c r="U70" s="353"/>
      <c r="V70" s="353"/>
      <c r="W70" s="353"/>
      <c r="X70" s="353"/>
      <c r="Y70" s="353"/>
      <c r="Z70" s="353"/>
      <c r="AA70" s="353"/>
      <c r="AB70" s="4"/>
      <c r="AC70" s="4"/>
      <c r="AD70" s="4"/>
      <c r="AE70" s="4"/>
      <c r="AF70" s="4"/>
      <c r="AG70" s="4"/>
      <c r="AH70" s="4"/>
      <c r="AI70" s="4"/>
      <c r="AJ70" s="4"/>
      <c r="AK70" s="4"/>
    </row>
    <row r="71" spans="1:37" ht="13.5" customHeight="1" x14ac:dyDescent="0.15">
      <c r="A71" s="4"/>
      <c r="B71" s="353" t="s">
        <v>230</v>
      </c>
      <c r="C71" s="353"/>
      <c r="D71" s="353"/>
      <c r="E71" s="353"/>
      <c r="F71" s="353"/>
      <c r="G71" s="353"/>
      <c r="H71" s="353"/>
      <c r="I71" s="353"/>
      <c r="J71" s="353"/>
      <c r="K71" s="353"/>
      <c r="L71" s="353"/>
      <c r="M71" s="353"/>
      <c r="N71" s="353"/>
      <c r="O71" s="353"/>
      <c r="P71" s="353"/>
      <c r="Q71" s="353"/>
      <c r="R71" s="353"/>
      <c r="S71" s="353"/>
      <c r="T71" s="353"/>
      <c r="U71" s="353"/>
      <c r="V71" s="353"/>
      <c r="W71" s="353"/>
      <c r="X71" s="353"/>
      <c r="Y71" s="353"/>
      <c r="Z71" s="353"/>
      <c r="AA71" s="353"/>
      <c r="AB71" s="4"/>
      <c r="AC71" s="4"/>
      <c r="AD71" s="4"/>
      <c r="AE71" s="4"/>
      <c r="AF71" s="4"/>
      <c r="AG71" s="4"/>
      <c r="AH71" s="4"/>
      <c r="AI71" s="4"/>
      <c r="AJ71" s="4"/>
      <c r="AK71" s="4"/>
    </row>
    <row r="72" spans="1:37" x14ac:dyDescent="0.15">
      <c r="A72" s="4"/>
      <c r="B72" s="353" t="s">
        <v>231</v>
      </c>
      <c r="C72" s="353"/>
      <c r="D72" s="353"/>
      <c r="E72" s="353"/>
      <c r="F72" s="353"/>
      <c r="G72" s="353"/>
      <c r="H72" s="353"/>
      <c r="I72" s="353"/>
      <c r="J72" s="353"/>
      <c r="K72" s="353"/>
      <c r="L72" s="353"/>
      <c r="M72" s="353"/>
      <c r="N72" s="353"/>
      <c r="O72" s="353"/>
      <c r="P72" s="353"/>
      <c r="Q72" s="353"/>
      <c r="R72" s="353"/>
      <c r="S72" s="353"/>
      <c r="T72" s="353"/>
      <c r="U72" s="353"/>
      <c r="V72" s="353"/>
      <c r="W72" s="353"/>
      <c r="X72" s="353"/>
      <c r="Y72" s="353"/>
      <c r="Z72" s="353"/>
      <c r="AA72" s="353"/>
      <c r="AB72" s="4"/>
      <c r="AC72" s="4"/>
      <c r="AD72" s="4"/>
      <c r="AE72" s="4"/>
      <c r="AF72" s="4"/>
      <c r="AG72" s="4"/>
      <c r="AH72" s="4"/>
      <c r="AI72" s="4"/>
      <c r="AJ72" s="4"/>
      <c r="AK72" s="4"/>
    </row>
    <row r="73" spans="1:37" x14ac:dyDescent="0.15">
      <c r="B73" s="353" t="s">
        <v>232</v>
      </c>
      <c r="C73" s="353"/>
      <c r="D73" s="353"/>
      <c r="E73" s="353"/>
      <c r="F73" s="353"/>
      <c r="G73" s="353"/>
      <c r="H73" s="353"/>
      <c r="I73" s="353"/>
      <c r="J73" s="353"/>
      <c r="K73" s="353"/>
      <c r="L73" s="353"/>
      <c r="M73" s="353"/>
      <c r="N73" s="353"/>
      <c r="O73" s="353"/>
      <c r="P73" s="353"/>
      <c r="Q73" s="353"/>
      <c r="R73" s="353"/>
      <c r="S73" s="353"/>
      <c r="T73" s="353"/>
      <c r="U73" s="353"/>
      <c r="V73" s="353"/>
      <c r="W73" s="353"/>
      <c r="X73" s="353"/>
      <c r="Y73" s="353"/>
      <c r="Z73" s="353"/>
      <c r="AA73" s="353"/>
      <c r="AB73" s="103"/>
    </row>
    <row r="74" spans="1:37" x14ac:dyDescent="0.15">
      <c r="B74" s="353" t="s">
        <v>233</v>
      </c>
      <c r="C74" s="353"/>
      <c r="D74" s="353"/>
      <c r="E74" s="353"/>
      <c r="F74" s="353"/>
      <c r="G74" s="353"/>
      <c r="H74" s="353"/>
      <c r="I74" s="353"/>
      <c r="J74" s="353"/>
      <c r="K74" s="353"/>
      <c r="L74" s="353"/>
      <c r="M74" s="353"/>
      <c r="N74" s="353"/>
      <c r="O74" s="353"/>
      <c r="P74" s="353"/>
      <c r="Q74" s="353"/>
      <c r="R74" s="353"/>
      <c r="S74" s="353"/>
      <c r="T74" s="353"/>
      <c r="U74" s="353"/>
      <c r="V74" s="353"/>
      <c r="W74" s="353"/>
      <c r="X74" s="353"/>
      <c r="Y74" s="353"/>
      <c r="Z74" s="353"/>
      <c r="AA74" s="104"/>
      <c r="AB74" s="103"/>
    </row>
    <row r="75" spans="1:37" x14ac:dyDescent="0.15">
      <c r="B75" s="105"/>
      <c r="D75" s="106"/>
    </row>
    <row r="76" spans="1:37" x14ac:dyDescent="0.15">
      <c r="B76" s="105"/>
      <c r="D76" s="106"/>
    </row>
    <row r="77" spans="1:37" x14ac:dyDescent="0.15">
      <c r="B77" s="105"/>
      <c r="D77" s="106"/>
    </row>
    <row r="78" spans="1:37" x14ac:dyDescent="0.15">
      <c r="B78" s="105"/>
      <c r="D78" s="106"/>
    </row>
  </sheetData>
  <mergeCells count="82">
    <mergeCell ref="B8:F8"/>
    <mergeCell ref="G8:AA8"/>
    <mergeCell ref="B4:AA4"/>
    <mergeCell ref="B6:F6"/>
    <mergeCell ref="G6:AA6"/>
    <mergeCell ref="B7:F7"/>
    <mergeCell ref="G7:AA7"/>
    <mergeCell ref="Y19:Z19"/>
    <mergeCell ref="G12:M12"/>
    <mergeCell ref="N12:T12"/>
    <mergeCell ref="U12:AA12"/>
    <mergeCell ref="G13:M13"/>
    <mergeCell ref="N13:T13"/>
    <mergeCell ref="U13:AA13"/>
    <mergeCell ref="G14:M14"/>
    <mergeCell ref="N14:T14"/>
    <mergeCell ref="U14:AA14"/>
    <mergeCell ref="B15:F15"/>
    <mergeCell ref="G15:AA15"/>
    <mergeCell ref="B9:F14"/>
    <mergeCell ref="G9:M9"/>
    <mergeCell ref="N9:T9"/>
    <mergeCell ref="U9:AA9"/>
    <mergeCell ref="G10:M10"/>
    <mergeCell ref="N10:T10"/>
    <mergeCell ref="U10:AA10"/>
    <mergeCell ref="G11:M11"/>
    <mergeCell ref="N11:T11"/>
    <mergeCell ref="U11:AA11"/>
    <mergeCell ref="C34:Z34"/>
    <mergeCell ref="Y22:Z22"/>
    <mergeCell ref="Y23:Z23"/>
    <mergeCell ref="Y24:Z24"/>
    <mergeCell ref="D25:J25"/>
    <mergeCell ref="C28:H28"/>
    <mergeCell ref="I28:Z28"/>
    <mergeCell ref="C29:H29"/>
    <mergeCell ref="I29:Z29"/>
    <mergeCell ref="C30:H30"/>
    <mergeCell ref="I30:Z30"/>
    <mergeCell ref="Y32:Z32"/>
    <mergeCell ref="C35:Z35"/>
    <mergeCell ref="C36:Z36"/>
    <mergeCell ref="D38:V38"/>
    <mergeCell ref="Y38:Z38"/>
    <mergeCell ref="D39:V39"/>
    <mergeCell ref="Y39:Z39"/>
    <mergeCell ref="Y52:Z52"/>
    <mergeCell ref="D40:V40"/>
    <mergeCell ref="Y40:Z40"/>
    <mergeCell ref="D41:V41"/>
    <mergeCell ref="Y41:Z41"/>
    <mergeCell ref="D42:V42"/>
    <mergeCell ref="Y48:Z48"/>
    <mergeCell ref="D49:Q49"/>
    <mergeCell ref="R49:V49"/>
    <mergeCell ref="D50:Q50"/>
    <mergeCell ref="R50:V50"/>
    <mergeCell ref="Y51:Z5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B72:AA72"/>
    <mergeCell ref="B73:AA73"/>
    <mergeCell ref="B74:Z74"/>
    <mergeCell ref="D65:V65"/>
    <mergeCell ref="Y65:Z65"/>
    <mergeCell ref="D66:V66"/>
    <mergeCell ref="B69:AA69"/>
    <mergeCell ref="B70:AA70"/>
    <mergeCell ref="B71:AA71"/>
  </mergeCells>
  <phoneticPr fontId="3"/>
  <pageMargins left="0.7" right="0.7" top="0.75" bottom="0.75" header="0.3" footer="0.3"/>
  <pageSetup paperSize="9" scale="61"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B109"/>
  <sheetViews>
    <sheetView view="pageBreakPreview" topLeftCell="A73" zoomScaleNormal="100" zoomScaleSheetLayoutView="100" workbookViewId="0">
      <selection activeCell="B4" sqref="B4:AB4"/>
    </sheetView>
  </sheetViews>
  <sheetFormatPr defaultColWidth="3.5" defaultRowHeight="13.5" x14ac:dyDescent="0.15"/>
  <cols>
    <col min="1" max="1" width="3.5" style="132" customWidth="1"/>
    <col min="2" max="2" width="3" style="143" customWidth="1"/>
    <col min="3" max="5" width="3.5" style="132" customWidth="1"/>
    <col min="6" max="6" width="4.75" style="132" customWidth="1"/>
    <col min="7" max="7" width="3.5" style="132" customWidth="1"/>
    <col min="8" max="8" width="2.5" style="132" customWidth="1"/>
    <col min="9" max="256" width="3.5" style="132"/>
    <col min="257" max="257" width="3.5" style="132" customWidth="1"/>
    <col min="258" max="258" width="3" style="132" customWidth="1"/>
    <col min="259" max="261" width="3.5" style="132" customWidth="1"/>
    <col min="262" max="262" width="4.75" style="132" customWidth="1"/>
    <col min="263" max="263" width="3.5" style="132" customWidth="1"/>
    <col min="264" max="264" width="2.5" style="132" customWidth="1"/>
    <col min="265" max="512" width="3.5" style="132"/>
    <col min="513" max="513" width="3.5" style="132" customWidth="1"/>
    <col min="514" max="514" width="3" style="132" customWidth="1"/>
    <col min="515" max="517" width="3.5" style="132" customWidth="1"/>
    <col min="518" max="518" width="4.75" style="132" customWidth="1"/>
    <col min="519" max="519" width="3.5" style="132" customWidth="1"/>
    <col min="520" max="520" width="2.5" style="132" customWidth="1"/>
    <col min="521" max="768" width="3.5" style="132"/>
    <col min="769" max="769" width="3.5" style="132" customWidth="1"/>
    <col min="770" max="770" width="3" style="132" customWidth="1"/>
    <col min="771" max="773" width="3.5" style="132" customWidth="1"/>
    <col min="774" max="774" width="4.75" style="132" customWidth="1"/>
    <col min="775" max="775" width="3.5" style="132" customWidth="1"/>
    <col min="776" max="776" width="2.5" style="132" customWidth="1"/>
    <col min="777" max="1024" width="3.5" style="132"/>
    <col min="1025" max="1025" width="3.5" style="132" customWidth="1"/>
    <col min="1026" max="1026" width="3" style="132" customWidth="1"/>
    <col min="1027" max="1029" width="3.5" style="132" customWidth="1"/>
    <col min="1030" max="1030" width="4.75" style="132" customWidth="1"/>
    <col min="1031" max="1031" width="3.5" style="132" customWidth="1"/>
    <col min="1032" max="1032" width="2.5" style="132" customWidth="1"/>
    <col min="1033" max="1280" width="3.5" style="132"/>
    <col min="1281" max="1281" width="3.5" style="132" customWidth="1"/>
    <col min="1282" max="1282" width="3" style="132" customWidth="1"/>
    <col min="1283" max="1285" width="3.5" style="132" customWidth="1"/>
    <col min="1286" max="1286" width="4.75" style="132" customWidth="1"/>
    <col min="1287" max="1287" width="3.5" style="132" customWidth="1"/>
    <col min="1288" max="1288" width="2.5" style="132" customWidth="1"/>
    <col min="1289" max="1536" width="3.5" style="132"/>
    <col min="1537" max="1537" width="3.5" style="132" customWidth="1"/>
    <col min="1538" max="1538" width="3" style="132" customWidth="1"/>
    <col min="1539" max="1541" width="3.5" style="132" customWidth="1"/>
    <col min="1542" max="1542" width="4.75" style="132" customWidth="1"/>
    <col min="1543" max="1543" width="3.5" style="132" customWidth="1"/>
    <col min="1544" max="1544" width="2.5" style="132" customWidth="1"/>
    <col min="1545" max="1792" width="3.5" style="132"/>
    <col min="1793" max="1793" width="3.5" style="132" customWidth="1"/>
    <col min="1794" max="1794" width="3" style="132" customWidth="1"/>
    <col min="1795" max="1797" width="3.5" style="132" customWidth="1"/>
    <col min="1798" max="1798" width="4.75" style="132" customWidth="1"/>
    <col min="1799" max="1799" width="3.5" style="132" customWidth="1"/>
    <col min="1800" max="1800" width="2.5" style="132" customWidth="1"/>
    <col min="1801" max="2048" width="3.5" style="132"/>
    <col min="2049" max="2049" width="3.5" style="132" customWidth="1"/>
    <col min="2050" max="2050" width="3" style="132" customWidth="1"/>
    <col min="2051" max="2053" width="3.5" style="132" customWidth="1"/>
    <col min="2054" max="2054" width="4.75" style="132" customWidth="1"/>
    <col min="2055" max="2055" width="3.5" style="132" customWidth="1"/>
    <col min="2056" max="2056" width="2.5" style="132" customWidth="1"/>
    <col min="2057" max="2304" width="3.5" style="132"/>
    <col min="2305" max="2305" width="3.5" style="132" customWidth="1"/>
    <col min="2306" max="2306" width="3" style="132" customWidth="1"/>
    <col min="2307" max="2309" width="3.5" style="132" customWidth="1"/>
    <col min="2310" max="2310" width="4.75" style="132" customWidth="1"/>
    <col min="2311" max="2311" width="3.5" style="132" customWidth="1"/>
    <col min="2312" max="2312" width="2.5" style="132" customWidth="1"/>
    <col min="2313" max="2560" width="3.5" style="132"/>
    <col min="2561" max="2561" width="3.5" style="132" customWidth="1"/>
    <col min="2562" max="2562" width="3" style="132" customWidth="1"/>
    <col min="2563" max="2565" width="3.5" style="132" customWidth="1"/>
    <col min="2566" max="2566" width="4.75" style="132" customWidth="1"/>
    <col min="2567" max="2567" width="3.5" style="132" customWidth="1"/>
    <col min="2568" max="2568" width="2.5" style="132" customWidth="1"/>
    <col min="2569" max="2816" width="3.5" style="132"/>
    <col min="2817" max="2817" width="3.5" style="132" customWidth="1"/>
    <col min="2818" max="2818" width="3" style="132" customWidth="1"/>
    <col min="2819" max="2821" width="3.5" style="132" customWidth="1"/>
    <col min="2822" max="2822" width="4.75" style="132" customWidth="1"/>
    <col min="2823" max="2823" width="3.5" style="132" customWidth="1"/>
    <col min="2824" max="2824" width="2.5" style="132" customWidth="1"/>
    <col min="2825" max="3072" width="3.5" style="132"/>
    <col min="3073" max="3073" width="3.5" style="132" customWidth="1"/>
    <col min="3074" max="3074" width="3" style="132" customWidth="1"/>
    <col min="3075" max="3077" width="3.5" style="132" customWidth="1"/>
    <col min="3078" max="3078" width="4.75" style="132" customWidth="1"/>
    <col min="3079" max="3079" width="3.5" style="132" customWidth="1"/>
    <col min="3080" max="3080" width="2.5" style="132" customWidth="1"/>
    <col min="3081" max="3328" width="3.5" style="132"/>
    <col min="3329" max="3329" width="3.5" style="132" customWidth="1"/>
    <col min="3330" max="3330" width="3" style="132" customWidth="1"/>
    <col min="3331" max="3333" width="3.5" style="132" customWidth="1"/>
    <col min="3334" max="3334" width="4.75" style="132" customWidth="1"/>
    <col min="3335" max="3335" width="3.5" style="132" customWidth="1"/>
    <col min="3336" max="3336" width="2.5" style="132" customWidth="1"/>
    <col min="3337" max="3584" width="3.5" style="132"/>
    <col min="3585" max="3585" width="3.5" style="132" customWidth="1"/>
    <col min="3586" max="3586" width="3" style="132" customWidth="1"/>
    <col min="3587" max="3589" width="3.5" style="132" customWidth="1"/>
    <col min="3590" max="3590" width="4.75" style="132" customWidth="1"/>
    <col min="3591" max="3591" width="3.5" style="132" customWidth="1"/>
    <col min="3592" max="3592" width="2.5" style="132" customWidth="1"/>
    <col min="3593" max="3840" width="3.5" style="132"/>
    <col min="3841" max="3841" width="3.5" style="132" customWidth="1"/>
    <col min="3842" max="3842" width="3" style="132" customWidth="1"/>
    <col min="3843" max="3845" width="3.5" style="132" customWidth="1"/>
    <col min="3846" max="3846" width="4.75" style="132" customWidth="1"/>
    <col min="3847" max="3847" width="3.5" style="132" customWidth="1"/>
    <col min="3848" max="3848" width="2.5" style="132" customWidth="1"/>
    <col min="3849" max="4096" width="3.5" style="132"/>
    <col min="4097" max="4097" width="3.5" style="132" customWidth="1"/>
    <col min="4098" max="4098" width="3" style="132" customWidth="1"/>
    <col min="4099" max="4101" width="3.5" style="132" customWidth="1"/>
    <col min="4102" max="4102" width="4.75" style="132" customWidth="1"/>
    <col min="4103" max="4103" width="3.5" style="132" customWidth="1"/>
    <col min="4104" max="4104" width="2.5" style="132" customWidth="1"/>
    <col min="4105" max="4352" width="3.5" style="132"/>
    <col min="4353" max="4353" width="3.5" style="132" customWidth="1"/>
    <col min="4354" max="4354" width="3" style="132" customWidth="1"/>
    <col min="4355" max="4357" width="3.5" style="132" customWidth="1"/>
    <col min="4358" max="4358" width="4.75" style="132" customWidth="1"/>
    <col min="4359" max="4359" width="3.5" style="132" customWidth="1"/>
    <col min="4360" max="4360" width="2.5" style="132" customWidth="1"/>
    <col min="4361" max="4608" width="3.5" style="132"/>
    <col min="4609" max="4609" width="3.5" style="132" customWidth="1"/>
    <col min="4610" max="4610" width="3" style="132" customWidth="1"/>
    <col min="4611" max="4613" width="3.5" style="132" customWidth="1"/>
    <col min="4614" max="4614" width="4.75" style="132" customWidth="1"/>
    <col min="4615" max="4615" width="3.5" style="132" customWidth="1"/>
    <col min="4616" max="4616" width="2.5" style="132" customWidth="1"/>
    <col min="4617" max="4864" width="3.5" style="132"/>
    <col min="4865" max="4865" width="3.5" style="132" customWidth="1"/>
    <col min="4866" max="4866" width="3" style="132" customWidth="1"/>
    <col min="4867" max="4869" width="3.5" style="132" customWidth="1"/>
    <col min="4870" max="4870" width="4.75" style="132" customWidth="1"/>
    <col min="4871" max="4871" width="3.5" style="132" customWidth="1"/>
    <col min="4872" max="4872" width="2.5" style="132" customWidth="1"/>
    <col min="4873" max="5120" width="3.5" style="132"/>
    <col min="5121" max="5121" width="3.5" style="132" customWidth="1"/>
    <col min="5122" max="5122" width="3" style="132" customWidth="1"/>
    <col min="5123" max="5125" width="3.5" style="132" customWidth="1"/>
    <col min="5126" max="5126" width="4.75" style="132" customWidth="1"/>
    <col min="5127" max="5127" width="3.5" style="132" customWidth="1"/>
    <col min="5128" max="5128" width="2.5" style="132" customWidth="1"/>
    <col min="5129" max="5376" width="3.5" style="132"/>
    <col min="5377" max="5377" width="3.5" style="132" customWidth="1"/>
    <col min="5378" max="5378" width="3" style="132" customWidth="1"/>
    <col min="5379" max="5381" width="3.5" style="132" customWidth="1"/>
    <col min="5382" max="5382" width="4.75" style="132" customWidth="1"/>
    <col min="5383" max="5383" width="3.5" style="132" customWidth="1"/>
    <col min="5384" max="5384" width="2.5" style="132" customWidth="1"/>
    <col min="5385" max="5632" width="3.5" style="132"/>
    <col min="5633" max="5633" width="3.5" style="132" customWidth="1"/>
    <col min="5634" max="5634" width="3" style="132" customWidth="1"/>
    <col min="5635" max="5637" width="3.5" style="132" customWidth="1"/>
    <col min="5638" max="5638" width="4.75" style="132" customWidth="1"/>
    <col min="5639" max="5639" width="3.5" style="132" customWidth="1"/>
    <col min="5640" max="5640" width="2.5" style="132" customWidth="1"/>
    <col min="5641" max="5888" width="3.5" style="132"/>
    <col min="5889" max="5889" width="3.5" style="132" customWidth="1"/>
    <col min="5890" max="5890" width="3" style="132" customWidth="1"/>
    <col min="5891" max="5893" width="3.5" style="132" customWidth="1"/>
    <col min="5894" max="5894" width="4.75" style="132" customWidth="1"/>
    <col min="5895" max="5895" width="3.5" style="132" customWidth="1"/>
    <col min="5896" max="5896" width="2.5" style="132" customWidth="1"/>
    <col min="5897" max="6144" width="3.5" style="132"/>
    <col min="6145" max="6145" width="3.5" style="132" customWidth="1"/>
    <col min="6146" max="6146" width="3" style="132" customWidth="1"/>
    <col min="6147" max="6149" width="3.5" style="132" customWidth="1"/>
    <col min="6150" max="6150" width="4.75" style="132" customWidth="1"/>
    <col min="6151" max="6151" width="3.5" style="132" customWidth="1"/>
    <col min="6152" max="6152" width="2.5" style="132" customWidth="1"/>
    <col min="6153" max="6400" width="3.5" style="132"/>
    <col min="6401" max="6401" width="3.5" style="132" customWidth="1"/>
    <col min="6402" max="6402" width="3" style="132" customWidth="1"/>
    <col min="6403" max="6405" width="3.5" style="132" customWidth="1"/>
    <col min="6406" max="6406" width="4.75" style="132" customWidth="1"/>
    <col min="6407" max="6407" width="3.5" style="132" customWidth="1"/>
    <col min="6408" max="6408" width="2.5" style="132" customWidth="1"/>
    <col min="6409" max="6656" width="3.5" style="132"/>
    <col min="6657" max="6657" width="3.5" style="132" customWidth="1"/>
    <col min="6658" max="6658" width="3" style="132" customWidth="1"/>
    <col min="6659" max="6661" width="3.5" style="132" customWidth="1"/>
    <col min="6662" max="6662" width="4.75" style="132" customWidth="1"/>
    <col min="6663" max="6663" width="3.5" style="132" customWidth="1"/>
    <col min="6664" max="6664" width="2.5" style="132" customWidth="1"/>
    <col min="6665" max="6912" width="3.5" style="132"/>
    <col min="6913" max="6913" width="3.5" style="132" customWidth="1"/>
    <col min="6914" max="6914" width="3" style="132" customWidth="1"/>
    <col min="6915" max="6917" width="3.5" style="132" customWidth="1"/>
    <col min="6918" max="6918" width="4.75" style="132" customWidth="1"/>
    <col min="6919" max="6919" width="3.5" style="132" customWidth="1"/>
    <col min="6920" max="6920" width="2.5" style="132" customWidth="1"/>
    <col min="6921" max="7168" width="3.5" style="132"/>
    <col min="7169" max="7169" width="3.5" style="132" customWidth="1"/>
    <col min="7170" max="7170" width="3" style="132" customWidth="1"/>
    <col min="7171" max="7173" width="3.5" style="132" customWidth="1"/>
    <col min="7174" max="7174" width="4.75" style="132" customWidth="1"/>
    <col min="7175" max="7175" width="3.5" style="132" customWidth="1"/>
    <col min="7176" max="7176" width="2.5" style="132" customWidth="1"/>
    <col min="7177" max="7424" width="3.5" style="132"/>
    <col min="7425" max="7425" width="3.5" style="132" customWidth="1"/>
    <col min="7426" max="7426" width="3" style="132" customWidth="1"/>
    <col min="7427" max="7429" width="3.5" style="132" customWidth="1"/>
    <col min="7430" max="7430" width="4.75" style="132" customWidth="1"/>
    <col min="7431" max="7431" width="3.5" style="132" customWidth="1"/>
    <col min="7432" max="7432" width="2.5" style="132" customWidth="1"/>
    <col min="7433" max="7680" width="3.5" style="132"/>
    <col min="7681" max="7681" width="3.5" style="132" customWidth="1"/>
    <col min="7682" max="7682" width="3" style="132" customWidth="1"/>
    <col min="7683" max="7685" width="3.5" style="132" customWidth="1"/>
    <col min="7686" max="7686" width="4.75" style="132" customWidth="1"/>
    <col min="7687" max="7687" width="3.5" style="132" customWidth="1"/>
    <col min="7688" max="7688" width="2.5" style="132" customWidth="1"/>
    <col min="7689" max="7936" width="3.5" style="132"/>
    <col min="7937" max="7937" width="3.5" style="132" customWidth="1"/>
    <col min="7938" max="7938" width="3" style="132" customWidth="1"/>
    <col min="7939" max="7941" width="3.5" style="132" customWidth="1"/>
    <col min="7942" max="7942" width="4.75" style="132" customWidth="1"/>
    <col min="7943" max="7943" width="3.5" style="132" customWidth="1"/>
    <col min="7944" max="7944" width="2.5" style="132" customWidth="1"/>
    <col min="7945" max="8192" width="3.5" style="132"/>
    <col min="8193" max="8193" width="3.5" style="132" customWidth="1"/>
    <col min="8194" max="8194" width="3" style="132" customWidth="1"/>
    <col min="8195" max="8197" width="3.5" style="132" customWidth="1"/>
    <col min="8198" max="8198" width="4.75" style="132" customWidth="1"/>
    <col min="8199" max="8199" width="3.5" style="132" customWidth="1"/>
    <col min="8200" max="8200" width="2.5" style="132" customWidth="1"/>
    <col min="8201" max="8448" width="3.5" style="132"/>
    <col min="8449" max="8449" width="3.5" style="132" customWidth="1"/>
    <col min="8450" max="8450" width="3" style="132" customWidth="1"/>
    <col min="8451" max="8453" width="3.5" style="132" customWidth="1"/>
    <col min="8454" max="8454" width="4.75" style="132" customWidth="1"/>
    <col min="8455" max="8455" width="3.5" style="132" customWidth="1"/>
    <col min="8456" max="8456" width="2.5" style="132" customWidth="1"/>
    <col min="8457" max="8704" width="3.5" style="132"/>
    <col min="8705" max="8705" width="3.5" style="132" customWidth="1"/>
    <col min="8706" max="8706" width="3" style="132" customWidth="1"/>
    <col min="8707" max="8709" width="3.5" style="132" customWidth="1"/>
    <col min="8710" max="8710" width="4.75" style="132" customWidth="1"/>
    <col min="8711" max="8711" width="3.5" style="132" customWidth="1"/>
    <col min="8712" max="8712" width="2.5" style="132" customWidth="1"/>
    <col min="8713" max="8960" width="3.5" style="132"/>
    <col min="8961" max="8961" width="3.5" style="132" customWidth="1"/>
    <col min="8962" max="8962" width="3" style="132" customWidth="1"/>
    <col min="8963" max="8965" width="3.5" style="132" customWidth="1"/>
    <col min="8966" max="8966" width="4.75" style="132" customWidth="1"/>
    <col min="8967" max="8967" width="3.5" style="132" customWidth="1"/>
    <col min="8968" max="8968" width="2.5" style="132" customWidth="1"/>
    <col min="8969" max="9216" width="3.5" style="132"/>
    <col min="9217" max="9217" width="3.5" style="132" customWidth="1"/>
    <col min="9218" max="9218" width="3" style="132" customWidth="1"/>
    <col min="9219" max="9221" width="3.5" style="132" customWidth="1"/>
    <col min="9222" max="9222" width="4.75" style="132" customWidth="1"/>
    <col min="9223" max="9223" width="3.5" style="132" customWidth="1"/>
    <col min="9224" max="9224" width="2.5" style="132" customWidth="1"/>
    <col min="9225" max="9472" width="3.5" style="132"/>
    <col min="9473" max="9473" width="3.5" style="132" customWidth="1"/>
    <col min="9474" max="9474" width="3" style="132" customWidth="1"/>
    <col min="9475" max="9477" width="3.5" style="132" customWidth="1"/>
    <col min="9478" max="9478" width="4.75" style="132" customWidth="1"/>
    <col min="9479" max="9479" width="3.5" style="132" customWidth="1"/>
    <col min="9480" max="9480" width="2.5" style="132" customWidth="1"/>
    <col min="9481" max="9728" width="3.5" style="132"/>
    <col min="9729" max="9729" width="3.5" style="132" customWidth="1"/>
    <col min="9730" max="9730" width="3" style="132" customWidth="1"/>
    <col min="9731" max="9733" width="3.5" style="132" customWidth="1"/>
    <col min="9734" max="9734" width="4.75" style="132" customWidth="1"/>
    <col min="9735" max="9735" width="3.5" style="132" customWidth="1"/>
    <col min="9736" max="9736" width="2.5" style="132" customWidth="1"/>
    <col min="9737" max="9984" width="3.5" style="132"/>
    <col min="9985" max="9985" width="3.5" style="132" customWidth="1"/>
    <col min="9986" max="9986" width="3" style="132" customWidth="1"/>
    <col min="9987" max="9989" width="3.5" style="132" customWidth="1"/>
    <col min="9990" max="9990" width="4.75" style="132" customWidth="1"/>
    <col min="9991" max="9991" width="3.5" style="132" customWidth="1"/>
    <col min="9992" max="9992" width="2.5" style="132" customWidth="1"/>
    <col min="9993" max="10240" width="3.5" style="132"/>
    <col min="10241" max="10241" width="3.5" style="132" customWidth="1"/>
    <col min="10242" max="10242" width="3" style="132" customWidth="1"/>
    <col min="10243" max="10245" width="3.5" style="132" customWidth="1"/>
    <col min="10246" max="10246" width="4.75" style="132" customWidth="1"/>
    <col min="10247" max="10247" width="3.5" style="132" customWidth="1"/>
    <col min="10248" max="10248" width="2.5" style="132" customWidth="1"/>
    <col min="10249" max="10496" width="3.5" style="132"/>
    <col min="10497" max="10497" width="3.5" style="132" customWidth="1"/>
    <col min="10498" max="10498" width="3" style="132" customWidth="1"/>
    <col min="10499" max="10501" width="3.5" style="132" customWidth="1"/>
    <col min="10502" max="10502" width="4.75" style="132" customWidth="1"/>
    <col min="10503" max="10503" width="3.5" style="132" customWidth="1"/>
    <col min="10504" max="10504" width="2.5" style="132" customWidth="1"/>
    <col min="10505" max="10752" width="3.5" style="132"/>
    <col min="10753" max="10753" width="3.5" style="132" customWidth="1"/>
    <col min="10754" max="10754" width="3" style="132" customWidth="1"/>
    <col min="10755" max="10757" width="3.5" style="132" customWidth="1"/>
    <col min="10758" max="10758" width="4.75" style="132" customWidth="1"/>
    <col min="10759" max="10759" width="3.5" style="132" customWidth="1"/>
    <col min="10760" max="10760" width="2.5" style="132" customWidth="1"/>
    <col min="10761" max="11008" width="3.5" style="132"/>
    <col min="11009" max="11009" width="3.5" style="132" customWidth="1"/>
    <col min="11010" max="11010" width="3" style="132" customWidth="1"/>
    <col min="11011" max="11013" width="3.5" style="132" customWidth="1"/>
    <col min="11014" max="11014" width="4.75" style="132" customWidth="1"/>
    <col min="11015" max="11015" width="3.5" style="132" customWidth="1"/>
    <col min="11016" max="11016" width="2.5" style="132" customWidth="1"/>
    <col min="11017" max="11264" width="3.5" style="132"/>
    <col min="11265" max="11265" width="3.5" style="132" customWidth="1"/>
    <col min="11266" max="11266" width="3" style="132" customWidth="1"/>
    <col min="11267" max="11269" width="3.5" style="132" customWidth="1"/>
    <col min="11270" max="11270" width="4.75" style="132" customWidth="1"/>
    <col min="11271" max="11271" width="3.5" style="132" customWidth="1"/>
    <col min="11272" max="11272" width="2.5" style="132" customWidth="1"/>
    <col min="11273" max="11520" width="3.5" style="132"/>
    <col min="11521" max="11521" width="3.5" style="132" customWidth="1"/>
    <col min="11522" max="11522" width="3" style="132" customWidth="1"/>
    <col min="11523" max="11525" width="3.5" style="132" customWidth="1"/>
    <col min="11526" max="11526" width="4.75" style="132" customWidth="1"/>
    <col min="11527" max="11527" width="3.5" style="132" customWidth="1"/>
    <col min="11528" max="11528" width="2.5" style="132" customWidth="1"/>
    <col min="11529" max="11776" width="3.5" style="132"/>
    <col min="11777" max="11777" width="3.5" style="132" customWidth="1"/>
    <col min="11778" max="11778" width="3" style="132" customWidth="1"/>
    <col min="11779" max="11781" width="3.5" style="132" customWidth="1"/>
    <col min="11782" max="11782" width="4.75" style="132" customWidth="1"/>
    <col min="11783" max="11783" width="3.5" style="132" customWidth="1"/>
    <col min="11784" max="11784" width="2.5" style="132" customWidth="1"/>
    <col min="11785" max="12032" width="3.5" style="132"/>
    <col min="12033" max="12033" width="3.5" style="132" customWidth="1"/>
    <col min="12034" max="12034" width="3" style="132" customWidth="1"/>
    <col min="12035" max="12037" width="3.5" style="132" customWidth="1"/>
    <col min="12038" max="12038" width="4.75" style="132" customWidth="1"/>
    <col min="12039" max="12039" width="3.5" style="132" customWidth="1"/>
    <col min="12040" max="12040" width="2.5" style="132" customWidth="1"/>
    <col min="12041" max="12288" width="3.5" style="132"/>
    <col min="12289" max="12289" width="3.5" style="132" customWidth="1"/>
    <col min="12290" max="12290" width="3" style="132" customWidth="1"/>
    <col min="12291" max="12293" width="3.5" style="132" customWidth="1"/>
    <col min="12294" max="12294" width="4.75" style="132" customWidth="1"/>
    <col min="12295" max="12295" width="3.5" style="132" customWidth="1"/>
    <col min="12296" max="12296" width="2.5" style="132" customWidth="1"/>
    <col min="12297" max="12544" width="3.5" style="132"/>
    <col min="12545" max="12545" width="3.5" style="132" customWidth="1"/>
    <col min="12546" max="12546" width="3" style="132" customWidth="1"/>
    <col min="12547" max="12549" width="3.5" style="132" customWidth="1"/>
    <col min="12550" max="12550" width="4.75" style="132" customWidth="1"/>
    <col min="12551" max="12551" width="3.5" style="132" customWidth="1"/>
    <col min="12552" max="12552" width="2.5" style="132" customWidth="1"/>
    <col min="12553" max="12800" width="3.5" style="132"/>
    <col min="12801" max="12801" width="3.5" style="132" customWidth="1"/>
    <col min="12802" max="12802" width="3" style="132" customWidth="1"/>
    <col min="12803" max="12805" width="3.5" style="132" customWidth="1"/>
    <col min="12806" max="12806" width="4.75" style="132" customWidth="1"/>
    <col min="12807" max="12807" width="3.5" style="132" customWidth="1"/>
    <col min="12808" max="12808" width="2.5" style="132" customWidth="1"/>
    <col min="12809" max="13056" width="3.5" style="132"/>
    <col min="13057" max="13057" width="3.5" style="132" customWidth="1"/>
    <col min="13058" max="13058" width="3" style="132" customWidth="1"/>
    <col min="13059" max="13061" width="3.5" style="132" customWidth="1"/>
    <col min="13062" max="13062" width="4.75" style="132" customWidth="1"/>
    <col min="13063" max="13063" width="3.5" style="132" customWidth="1"/>
    <col min="13064" max="13064" width="2.5" style="132" customWidth="1"/>
    <col min="13065" max="13312" width="3.5" style="132"/>
    <col min="13313" max="13313" width="3.5" style="132" customWidth="1"/>
    <col min="13314" max="13314" width="3" style="132" customWidth="1"/>
    <col min="13315" max="13317" width="3.5" style="132" customWidth="1"/>
    <col min="13318" max="13318" width="4.75" style="132" customWidth="1"/>
    <col min="13319" max="13319" width="3.5" style="132" customWidth="1"/>
    <col min="13320" max="13320" width="2.5" style="132" customWidth="1"/>
    <col min="13321" max="13568" width="3.5" style="132"/>
    <col min="13569" max="13569" width="3.5" style="132" customWidth="1"/>
    <col min="13570" max="13570" width="3" style="132" customWidth="1"/>
    <col min="13571" max="13573" width="3.5" style="132" customWidth="1"/>
    <col min="13574" max="13574" width="4.75" style="132" customWidth="1"/>
    <col min="13575" max="13575" width="3.5" style="132" customWidth="1"/>
    <col min="13576" max="13576" width="2.5" style="132" customWidth="1"/>
    <col min="13577" max="13824" width="3.5" style="132"/>
    <col min="13825" max="13825" width="3.5" style="132" customWidth="1"/>
    <col min="13826" max="13826" width="3" style="132" customWidth="1"/>
    <col min="13827" max="13829" width="3.5" style="132" customWidth="1"/>
    <col min="13830" max="13830" width="4.75" style="132" customWidth="1"/>
    <col min="13831" max="13831" width="3.5" style="132" customWidth="1"/>
    <col min="13832" max="13832" width="2.5" style="132" customWidth="1"/>
    <col min="13833" max="14080" width="3.5" style="132"/>
    <col min="14081" max="14081" width="3.5" style="132" customWidth="1"/>
    <col min="14082" max="14082" width="3" style="132" customWidth="1"/>
    <col min="14083" max="14085" width="3.5" style="132" customWidth="1"/>
    <col min="14086" max="14086" width="4.75" style="132" customWidth="1"/>
    <col min="14087" max="14087" width="3.5" style="132" customWidth="1"/>
    <col min="14088" max="14088" width="2.5" style="132" customWidth="1"/>
    <col min="14089" max="14336" width="3.5" style="132"/>
    <col min="14337" max="14337" width="3.5" style="132" customWidth="1"/>
    <col min="14338" max="14338" width="3" style="132" customWidth="1"/>
    <col min="14339" max="14341" width="3.5" style="132" customWidth="1"/>
    <col min="14342" max="14342" width="4.75" style="132" customWidth="1"/>
    <col min="14343" max="14343" width="3.5" style="132" customWidth="1"/>
    <col min="14344" max="14344" width="2.5" style="132" customWidth="1"/>
    <col min="14345" max="14592" width="3.5" style="132"/>
    <col min="14593" max="14593" width="3.5" style="132" customWidth="1"/>
    <col min="14594" max="14594" width="3" style="132" customWidth="1"/>
    <col min="14595" max="14597" width="3.5" style="132" customWidth="1"/>
    <col min="14598" max="14598" width="4.75" style="132" customWidth="1"/>
    <col min="14599" max="14599" width="3.5" style="132" customWidth="1"/>
    <col min="14600" max="14600" width="2.5" style="132" customWidth="1"/>
    <col min="14601" max="14848" width="3.5" style="132"/>
    <col min="14849" max="14849" width="3.5" style="132" customWidth="1"/>
    <col min="14850" max="14850" width="3" style="132" customWidth="1"/>
    <col min="14851" max="14853" width="3.5" style="132" customWidth="1"/>
    <col min="14854" max="14854" width="4.75" style="132" customWidth="1"/>
    <col min="14855" max="14855" width="3.5" style="132" customWidth="1"/>
    <col min="14856" max="14856" width="2.5" style="132" customWidth="1"/>
    <col min="14857" max="15104" width="3.5" style="132"/>
    <col min="15105" max="15105" width="3.5" style="132" customWidth="1"/>
    <col min="15106" max="15106" width="3" style="132" customWidth="1"/>
    <col min="15107" max="15109" width="3.5" style="132" customWidth="1"/>
    <col min="15110" max="15110" width="4.75" style="132" customWidth="1"/>
    <col min="15111" max="15111" width="3.5" style="132" customWidth="1"/>
    <col min="15112" max="15112" width="2.5" style="132" customWidth="1"/>
    <col min="15113" max="15360" width="3.5" style="132"/>
    <col min="15361" max="15361" width="3.5" style="132" customWidth="1"/>
    <col min="15362" max="15362" width="3" style="132" customWidth="1"/>
    <col min="15363" max="15365" width="3.5" style="132" customWidth="1"/>
    <col min="15366" max="15366" width="4.75" style="132" customWidth="1"/>
    <col min="15367" max="15367" width="3.5" style="132" customWidth="1"/>
    <col min="15368" max="15368" width="2.5" style="132" customWidth="1"/>
    <col min="15369" max="15616" width="3.5" style="132"/>
    <col min="15617" max="15617" width="3.5" style="132" customWidth="1"/>
    <col min="15618" max="15618" width="3" style="132" customWidth="1"/>
    <col min="15619" max="15621" width="3.5" style="132" customWidth="1"/>
    <col min="15622" max="15622" width="4.75" style="132" customWidth="1"/>
    <col min="15623" max="15623" width="3.5" style="132" customWidth="1"/>
    <col min="15624" max="15624" width="2.5" style="132" customWidth="1"/>
    <col min="15625" max="15872" width="3.5" style="132"/>
    <col min="15873" max="15873" width="3.5" style="132" customWidth="1"/>
    <col min="15874" max="15874" width="3" style="132" customWidth="1"/>
    <col min="15875" max="15877" width="3.5" style="132" customWidth="1"/>
    <col min="15878" max="15878" width="4.75" style="132" customWidth="1"/>
    <col min="15879" max="15879" width="3.5" style="132" customWidth="1"/>
    <col min="15880" max="15880" width="2.5" style="132" customWidth="1"/>
    <col min="15881" max="16128" width="3.5" style="132"/>
    <col min="16129" max="16129" width="3.5" style="132" customWidth="1"/>
    <col min="16130" max="16130" width="3" style="132" customWidth="1"/>
    <col min="16131" max="16133" width="3.5" style="132" customWidth="1"/>
    <col min="16134" max="16134" width="4.75" style="132" customWidth="1"/>
    <col min="16135" max="16135" width="3.5" style="132" customWidth="1"/>
    <col min="16136" max="16136" width="2.5" style="132" customWidth="1"/>
    <col min="16137" max="16384" width="3.5" style="132"/>
  </cols>
  <sheetData>
    <row r="1" spans="2:28" s="107" customFormat="1" x14ac:dyDescent="0.15"/>
    <row r="2" spans="2:28" s="107" customFormat="1" x14ac:dyDescent="0.15">
      <c r="B2" s="107" t="s">
        <v>239</v>
      </c>
      <c r="AA2" s="108" t="s">
        <v>171</v>
      </c>
    </row>
    <row r="3" spans="2:28" s="107" customFormat="1" ht="8.25" customHeight="1" x14ac:dyDescent="0.15"/>
    <row r="4" spans="2:28" s="107" customFormat="1" ht="36.75" customHeight="1" x14ac:dyDescent="0.15">
      <c r="B4" s="396" t="s">
        <v>240</v>
      </c>
      <c r="C4" s="396"/>
      <c r="D4" s="396"/>
      <c r="E4" s="396"/>
      <c r="F4" s="396"/>
      <c r="G4" s="396"/>
      <c r="H4" s="396"/>
      <c r="I4" s="396"/>
      <c r="J4" s="396"/>
      <c r="K4" s="396"/>
      <c r="L4" s="396"/>
      <c r="M4" s="396"/>
      <c r="N4" s="396"/>
      <c r="O4" s="396"/>
      <c r="P4" s="396"/>
      <c r="Q4" s="396"/>
      <c r="R4" s="396"/>
      <c r="S4" s="396"/>
      <c r="T4" s="396"/>
      <c r="U4" s="396"/>
      <c r="V4" s="396"/>
      <c r="W4" s="396"/>
      <c r="X4" s="396"/>
      <c r="Y4" s="396"/>
      <c r="Z4" s="396"/>
      <c r="AA4" s="396"/>
      <c r="AB4" s="396"/>
    </row>
    <row r="5" spans="2:28" s="107" customFormat="1" ht="6.75" customHeight="1" x14ac:dyDescent="0.15"/>
    <row r="6" spans="2:28" s="107" customFormat="1" ht="19.5" customHeight="1" x14ac:dyDescent="0.15">
      <c r="B6" s="376" t="s">
        <v>31</v>
      </c>
      <c r="C6" s="376"/>
      <c r="D6" s="376"/>
      <c r="E6" s="376"/>
      <c r="F6" s="376"/>
      <c r="G6" s="378"/>
      <c r="H6" s="379"/>
      <c r="I6" s="379"/>
      <c r="J6" s="379"/>
      <c r="K6" s="379"/>
      <c r="L6" s="379"/>
      <c r="M6" s="379"/>
      <c r="N6" s="379"/>
      <c r="O6" s="379"/>
      <c r="P6" s="379"/>
      <c r="Q6" s="379"/>
      <c r="R6" s="379"/>
      <c r="S6" s="379"/>
      <c r="T6" s="379"/>
      <c r="U6" s="379"/>
      <c r="V6" s="379"/>
      <c r="W6" s="379"/>
      <c r="X6" s="379"/>
      <c r="Y6" s="379"/>
      <c r="Z6" s="379"/>
      <c r="AA6" s="380"/>
    </row>
    <row r="7" spans="2:28" s="107" customFormat="1" ht="9" customHeight="1" x14ac:dyDescent="0.15"/>
    <row r="8" spans="2:28" s="107" customFormat="1" ht="6" customHeight="1" x14ac:dyDescent="0.15">
      <c r="B8" s="109"/>
      <c r="C8" s="110"/>
      <c r="D8" s="110"/>
      <c r="E8" s="110"/>
      <c r="F8" s="110"/>
      <c r="G8" s="110"/>
      <c r="H8" s="110"/>
      <c r="I8" s="110"/>
      <c r="J8" s="110"/>
      <c r="K8" s="110"/>
      <c r="L8" s="110"/>
      <c r="M8" s="110"/>
      <c r="N8" s="110"/>
      <c r="O8" s="110"/>
      <c r="P8" s="110"/>
      <c r="Q8" s="110"/>
      <c r="R8" s="110"/>
      <c r="S8" s="110"/>
      <c r="T8" s="110"/>
      <c r="U8" s="110"/>
      <c r="V8" s="110"/>
      <c r="W8" s="110"/>
      <c r="X8" s="110"/>
      <c r="Y8" s="110"/>
      <c r="Z8" s="110"/>
      <c r="AA8" s="111"/>
    </row>
    <row r="9" spans="2:28" s="107" customFormat="1" ht="21" customHeight="1" x14ac:dyDescent="0.15">
      <c r="B9" s="112"/>
      <c r="C9" s="107" t="s">
        <v>241</v>
      </c>
      <c r="AA9" s="113"/>
    </row>
    <row r="10" spans="2:28" s="107" customFormat="1" ht="19.5" customHeight="1" x14ac:dyDescent="0.15">
      <c r="B10" s="112"/>
      <c r="C10" s="395" t="s">
        <v>242</v>
      </c>
      <c r="D10" s="395"/>
      <c r="E10" s="395"/>
      <c r="F10" s="395"/>
      <c r="G10" s="395" t="s">
        <v>243</v>
      </c>
      <c r="H10" s="395"/>
      <c r="I10" s="395"/>
      <c r="J10" s="395"/>
      <c r="K10" s="395"/>
      <c r="L10" s="395"/>
      <c r="M10" s="395"/>
      <c r="N10" s="395"/>
      <c r="O10" s="395"/>
      <c r="P10" s="395"/>
      <c r="Q10" s="114"/>
      <c r="R10" s="114"/>
      <c r="S10" s="114"/>
      <c r="T10" s="114"/>
      <c r="U10" s="114"/>
      <c r="Y10" s="115"/>
      <c r="Z10" s="115"/>
      <c r="AA10" s="113"/>
    </row>
    <row r="11" spans="2:28" s="107" customFormat="1" ht="6" customHeight="1" x14ac:dyDescent="0.15">
      <c r="B11" s="112"/>
      <c r="C11" s="116"/>
      <c r="D11" s="116"/>
      <c r="E11" s="116"/>
      <c r="F11" s="116"/>
      <c r="G11" s="116"/>
      <c r="H11" s="116"/>
      <c r="I11" s="116"/>
      <c r="J11" s="116"/>
      <c r="K11" s="116"/>
      <c r="M11" s="116"/>
      <c r="N11" s="116"/>
      <c r="O11" s="116"/>
      <c r="P11" s="116"/>
      <c r="Q11" s="116"/>
      <c r="R11" s="116"/>
      <c r="S11" s="116"/>
      <c r="T11" s="116"/>
      <c r="U11" s="116"/>
      <c r="Y11" s="115"/>
      <c r="Z11" s="115"/>
      <c r="AA11" s="113"/>
    </row>
    <row r="12" spans="2:28" s="107" customFormat="1" ht="21" customHeight="1" x14ac:dyDescent="0.15">
      <c r="B12" s="112"/>
      <c r="C12" s="107" t="s">
        <v>244</v>
      </c>
      <c r="AA12" s="113"/>
    </row>
    <row r="13" spans="2:28" s="107" customFormat="1" ht="19.5" customHeight="1" x14ac:dyDescent="0.15">
      <c r="B13" s="112"/>
      <c r="C13" s="378" t="s">
        <v>245</v>
      </c>
      <c r="D13" s="379"/>
      <c r="E13" s="379"/>
      <c r="F13" s="380"/>
      <c r="G13" s="378" t="s">
        <v>246</v>
      </c>
      <c r="H13" s="379"/>
      <c r="I13" s="379"/>
      <c r="J13" s="379"/>
      <c r="K13" s="380"/>
      <c r="M13" s="378" t="s">
        <v>247</v>
      </c>
      <c r="N13" s="379"/>
      <c r="O13" s="379"/>
      <c r="P13" s="380"/>
      <c r="Q13" s="378" t="s">
        <v>246</v>
      </c>
      <c r="R13" s="379"/>
      <c r="S13" s="379"/>
      <c r="T13" s="379"/>
      <c r="U13" s="380"/>
      <c r="Y13" s="115"/>
      <c r="Z13" s="115"/>
      <c r="AA13" s="113"/>
    </row>
    <row r="14" spans="2:28" s="107" customFormat="1" ht="7.5" customHeight="1" x14ac:dyDescent="0.15">
      <c r="B14" s="112"/>
      <c r="C14" s="116"/>
      <c r="D14" s="116"/>
      <c r="E14" s="116"/>
      <c r="F14" s="116"/>
      <c r="G14" s="116"/>
      <c r="H14" s="116"/>
      <c r="I14" s="116"/>
      <c r="J14" s="116"/>
      <c r="K14" s="116"/>
      <c r="Y14" s="115"/>
      <c r="Z14" s="115"/>
      <c r="AA14" s="113"/>
    </row>
    <row r="15" spans="2:28" s="107" customFormat="1" ht="19.5" customHeight="1" x14ac:dyDescent="0.15">
      <c r="B15" s="112"/>
      <c r="C15" s="107" t="s">
        <v>248</v>
      </c>
      <c r="D15" s="116"/>
      <c r="E15" s="116"/>
      <c r="F15" s="116"/>
      <c r="G15" s="116"/>
      <c r="H15" s="116"/>
      <c r="I15" s="116"/>
      <c r="J15" s="116"/>
      <c r="K15" s="116"/>
      <c r="L15" s="116"/>
      <c r="M15" s="116"/>
      <c r="N15" s="116"/>
      <c r="O15" s="116"/>
      <c r="Y15" s="115"/>
      <c r="Z15" s="115"/>
      <c r="AA15" s="113"/>
    </row>
    <row r="16" spans="2:28" s="107" customFormat="1" ht="19.5" customHeight="1" x14ac:dyDescent="0.15">
      <c r="B16" s="112"/>
      <c r="C16" s="376" t="s">
        <v>249</v>
      </c>
      <c r="D16" s="376"/>
      <c r="E16" s="376"/>
      <c r="F16" s="376"/>
      <c r="G16" s="376" t="s">
        <v>250</v>
      </c>
      <c r="H16" s="376"/>
      <c r="I16" s="376"/>
      <c r="J16" s="376"/>
      <c r="K16" s="376"/>
      <c r="L16" s="376" t="s">
        <v>251</v>
      </c>
      <c r="M16" s="376"/>
      <c r="N16" s="376"/>
      <c r="O16" s="376"/>
      <c r="P16" s="376"/>
      <c r="Q16" s="376" t="s">
        <v>252</v>
      </c>
      <c r="R16" s="376"/>
      <c r="S16" s="376"/>
      <c r="T16" s="376"/>
      <c r="U16" s="376"/>
      <c r="V16" s="395" t="s">
        <v>253</v>
      </c>
      <c r="W16" s="395"/>
      <c r="X16" s="395"/>
      <c r="Y16" s="395"/>
      <c r="Z16" s="395"/>
      <c r="AA16" s="113"/>
    </row>
    <row r="17" spans="2:27" s="107" customFormat="1" ht="19.5" customHeight="1" x14ac:dyDescent="0.15">
      <c r="B17" s="112"/>
      <c r="C17" s="378" t="s">
        <v>254</v>
      </c>
      <c r="D17" s="379"/>
      <c r="E17" s="379"/>
      <c r="F17" s="380"/>
      <c r="G17" s="378"/>
      <c r="H17" s="379"/>
      <c r="I17" s="379"/>
      <c r="J17" s="379"/>
      <c r="K17" s="380"/>
      <c r="L17" s="376"/>
      <c r="M17" s="376"/>
      <c r="N17" s="376"/>
      <c r="O17" s="376"/>
      <c r="P17" s="376"/>
      <c r="Q17" s="378"/>
      <c r="R17" s="379"/>
      <c r="S17" s="379"/>
      <c r="T17" s="379"/>
      <c r="U17" s="380"/>
      <c r="V17" s="378"/>
      <c r="W17" s="379"/>
      <c r="X17" s="379"/>
      <c r="Y17" s="379"/>
      <c r="Z17" s="380"/>
      <c r="AA17" s="113"/>
    </row>
    <row r="18" spans="2:27" s="107" customFormat="1" ht="5.25" customHeight="1" x14ac:dyDescent="0.15">
      <c r="B18" s="112"/>
      <c r="C18" s="116"/>
      <c r="D18" s="116"/>
      <c r="E18" s="116"/>
      <c r="F18" s="116"/>
      <c r="G18" s="116"/>
      <c r="H18" s="116"/>
      <c r="I18" s="116"/>
      <c r="J18" s="116"/>
      <c r="K18" s="116"/>
      <c r="L18" s="116"/>
      <c r="M18" s="116"/>
      <c r="N18" s="116"/>
      <c r="O18" s="116"/>
      <c r="P18" s="116"/>
      <c r="Q18" s="116"/>
      <c r="R18" s="116"/>
      <c r="S18" s="116"/>
      <c r="T18" s="116"/>
      <c r="U18" s="116"/>
      <c r="V18" s="116"/>
      <c r="W18" s="116"/>
      <c r="X18" s="116"/>
      <c r="Y18" s="116"/>
      <c r="Z18" s="116"/>
      <c r="AA18" s="113"/>
    </row>
    <row r="19" spans="2:27" s="107" customFormat="1" ht="19.5" customHeight="1" x14ac:dyDescent="0.15">
      <c r="B19" s="112"/>
      <c r="C19" s="107" t="s">
        <v>255</v>
      </c>
      <c r="D19" s="116"/>
      <c r="E19" s="116"/>
      <c r="F19" s="116"/>
      <c r="G19" s="116"/>
      <c r="H19" s="116"/>
      <c r="I19" s="116"/>
      <c r="J19" s="116"/>
      <c r="K19" s="116"/>
      <c r="L19" s="378"/>
      <c r="M19" s="379"/>
      <c r="N19" s="379"/>
      <c r="O19" s="379"/>
      <c r="P19" s="380"/>
      <c r="Q19" s="107" t="s">
        <v>256</v>
      </c>
      <c r="R19" s="116"/>
      <c r="S19" s="116"/>
      <c r="T19" s="116"/>
      <c r="U19" s="116"/>
      <c r="V19" s="116"/>
      <c r="W19" s="116"/>
      <c r="X19" s="116"/>
      <c r="Y19" s="116"/>
      <c r="Z19" s="116"/>
      <c r="AA19" s="113"/>
    </row>
    <row r="20" spans="2:27" s="107" customFormat="1" ht="6" customHeight="1" x14ac:dyDescent="0.15">
      <c r="B20" s="112"/>
      <c r="D20" s="116"/>
      <c r="E20" s="116"/>
      <c r="F20" s="116"/>
      <c r="G20" s="116"/>
      <c r="H20" s="116"/>
      <c r="I20" s="116"/>
      <c r="J20" s="116"/>
      <c r="K20" s="116"/>
      <c r="L20" s="116"/>
      <c r="M20" s="116"/>
      <c r="N20" s="116"/>
      <c r="O20" s="116"/>
      <c r="Y20" s="115"/>
      <c r="Z20" s="115"/>
      <c r="AA20" s="113"/>
    </row>
    <row r="21" spans="2:27" s="107" customFormat="1" ht="19.5" customHeight="1" x14ac:dyDescent="0.15">
      <c r="B21" s="112"/>
      <c r="C21" s="107" t="s">
        <v>257</v>
      </c>
      <c r="D21" s="116"/>
      <c r="E21" s="116"/>
      <c r="F21" s="116"/>
      <c r="G21" s="116"/>
      <c r="H21" s="116"/>
      <c r="I21" s="116"/>
      <c r="J21" s="116"/>
      <c r="K21" s="116"/>
      <c r="L21" s="116"/>
      <c r="M21" s="116"/>
      <c r="N21" s="116"/>
      <c r="O21" s="116"/>
      <c r="Y21" s="115"/>
      <c r="Z21" s="115"/>
      <c r="AA21" s="113"/>
    </row>
    <row r="22" spans="2:27" s="107" customFormat="1" ht="19.5" customHeight="1" x14ac:dyDescent="0.15">
      <c r="B22" s="112"/>
      <c r="C22" s="376" t="s">
        <v>249</v>
      </c>
      <c r="D22" s="376"/>
      <c r="E22" s="376"/>
      <c r="F22" s="376"/>
      <c r="G22" s="376" t="s">
        <v>250</v>
      </c>
      <c r="H22" s="376"/>
      <c r="I22" s="376"/>
      <c r="J22" s="376"/>
      <c r="K22" s="376"/>
      <c r="L22" s="376" t="s">
        <v>251</v>
      </c>
      <c r="M22" s="376"/>
      <c r="N22" s="376"/>
      <c r="O22" s="376"/>
      <c r="P22" s="376"/>
      <c r="Q22" s="376" t="s">
        <v>252</v>
      </c>
      <c r="R22" s="376"/>
      <c r="S22" s="376"/>
      <c r="T22" s="376"/>
      <c r="U22" s="376"/>
      <c r="V22" s="395" t="s">
        <v>253</v>
      </c>
      <c r="W22" s="395"/>
      <c r="X22" s="395"/>
      <c r="Y22" s="395"/>
      <c r="Z22" s="395"/>
      <c r="AA22" s="113"/>
    </row>
    <row r="23" spans="2:27" s="107" customFormat="1" ht="19.5" customHeight="1" x14ac:dyDescent="0.15">
      <c r="B23" s="112"/>
      <c r="C23" s="378" t="s">
        <v>254</v>
      </c>
      <c r="D23" s="379"/>
      <c r="E23" s="379"/>
      <c r="F23" s="380"/>
      <c r="G23" s="378"/>
      <c r="H23" s="379"/>
      <c r="I23" s="379"/>
      <c r="J23" s="379"/>
      <c r="K23" s="380"/>
      <c r="L23" s="376"/>
      <c r="M23" s="376"/>
      <c r="N23" s="376"/>
      <c r="O23" s="376"/>
      <c r="P23" s="376"/>
      <c r="Q23" s="378"/>
      <c r="R23" s="379"/>
      <c r="S23" s="379"/>
      <c r="T23" s="379"/>
      <c r="U23" s="380"/>
      <c r="V23" s="378"/>
      <c r="W23" s="379"/>
      <c r="X23" s="379"/>
      <c r="Y23" s="379"/>
      <c r="Z23" s="380"/>
      <c r="AA23" s="113"/>
    </row>
    <row r="24" spans="2:27" s="107" customFormat="1" ht="5.25" customHeight="1" x14ac:dyDescent="0.15">
      <c r="B24" s="112"/>
      <c r="C24" s="116"/>
      <c r="D24" s="116"/>
      <c r="E24" s="116"/>
      <c r="F24" s="116"/>
      <c r="G24" s="116"/>
      <c r="H24" s="116"/>
      <c r="I24" s="116"/>
      <c r="J24" s="116"/>
      <c r="K24" s="116"/>
      <c r="L24" s="116"/>
      <c r="M24" s="116"/>
      <c r="N24" s="116"/>
      <c r="O24" s="116"/>
      <c r="P24" s="116"/>
      <c r="Q24" s="116"/>
      <c r="R24" s="116"/>
      <c r="S24" s="116"/>
      <c r="T24" s="116"/>
      <c r="U24" s="116"/>
      <c r="V24" s="116"/>
      <c r="W24" s="116"/>
      <c r="X24" s="116"/>
      <c r="Y24" s="116"/>
      <c r="Z24" s="116"/>
      <c r="AA24" s="113"/>
    </row>
    <row r="25" spans="2:27" s="107" customFormat="1" ht="19.5" customHeight="1" x14ac:dyDescent="0.15">
      <c r="B25" s="112"/>
      <c r="C25" s="107" t="s">
        <v>255</v>
      </c>
      <c r="D25" s="116"/>
      <c r="E25" s="116"/>
      <c r="F25" s="116"/>
      <c r="G25" s="116"/>
      <c r="H25" s="116"/>
      <c r="I25" s="116"/>
      <c r="J25" s="116"/>
      <c r="K25" s="116"/>
      <c r="L25" s="378"/>
      <c r="M25" s="379"/>
      <c r="N25" s="379"/>
      <c r="O25" s="379"/>
      <c r="P25" s="380"/>
      <c r="Q25" s="107" t="s">
        <v>256</v>
      </c>
      <c r="R25" s="116"/>
      <c r="S25" s="116"/>
      <c r="T25" s="116"/>
      <c r="U25" s="116"/>
      <c r="V25" s="116"/>
      <c r="W25" s="116"/>
      <c r="X25" s="116"/>
      <c r="Y25" s="116"/>
      <c r="Z25" s="116"/>
      <c r="AA25" s="113"/>
    </row>
    <row r="26" spans="2:27" s="107" customFormat="1" ht="6" customHeight="1" x14ac:dyDescent="0.15">
      <c r="B26" s="112"/>
      <c r="D26" s="116"/>
      <c r="E26" s="116"/>
      <c r="F26" s="116"/>
      <c r="G26" s="116"/>
      <c r="H26" s="116"/>
      <c r="I26" s="116"/>
      <c r="J26" s="116"/>
      <c r="K26" s="116"/>
      <c r="L26" s="116"/>
      <c r="M26" s="116"/>
      <c r="N26" s="116"/>
      <c r="O26" s="116"/>
      <c r="Y26" s="115"/>
      <c r="Z26" s="115"/>
      <c r="AA26" s="113"/>
    </row>
    <row r="27" spans="2:27" s="107" customFormat="1" ht="19.5" customHeight="1" x14ac:dyDescent="0.15">
      <c r="B27" s="112"/>
      <c r="C27" s="107" t="s">
        <v>258</v>
      </c>
      <c r="D27" s="116"/>
      <c r="E27" s="116"/>
      <c r="F27" s="116"/>
      <c r="G27" s="116"/>
      <c r="H27" s="116"/>
      <c r="I27" s="116"/>
      <c r="J27" s="116"/>
      <c r="K27" s="116"/>
      <c r="L27" s="116"/>
      <c r="M27" s="116"/>
      <c r="N27" s="116"/>
      <c r="O27" s="116"/>
      <c r="Y27" s="115"/>
      <c r="Z27" s="115"/>
      <c r="AA27" s="113"/>
    </row>
    <row r="28" spans="2:27" s="107" customFormat="1" ht="19.5" customHeight="1" x14ac:dyDescent="0.15">
      <c r="B28" s="112"/>
      <c r="C28" s="376" t="s">
        <v>249</v>
      </c>
      <c r="D28" s="376"/>
      <c r="E28" s="376"/>
      <c r="F28" s="376"/>
      <c r="G28" s="376" t="s">
        <v>250</v>
      </c>
      <c r="H28" s="376"/>
      <c r="I28" s="376"/>
      <c r="J28" s="376"/>
      <c r="K28" s="376"/>
      <c r="L28" s="376" t="s">
        <v>251</v>
      </c>
      <c r="M28" s="376"/>
      <c r="N28" s="376"/>
      <c r="O28" s="376"/>
      <c r="P28" s="376"/>
      <c r="Q28" s="376" t="s">
        <v>252</v>
      </c>
      <c r="R28" s="376"/>
      <c r="S28" s="376"/>
      <c r="T28" s="376"/>
      <c r="U28" s="376"/>
      <c r="V28" s="395" t="s">
        <v>253</v>
      </c>
      <c r="W28" s="395"/>
      <c r="X28" s="395"/>
      <c r="Y28" s="395"/>
      <c r="Z28" s="395"/>
      <c r="AA28" s="113"/>
    </row>
    <row r="29" spans="2:27" s="107" customFormat="1" ht="19.5" customHeight="1" x14ac:dyDescent="0.15">
      <c r="B29" s="112"/>
      <c r="C29" s="378" t="s">
        <v>254</v>
      </c>
      <c r="D29" s="379"/>
      <c r="E29" s="379"/>
      <c r="F29" s="380"/>
      <c r="G29" s="378"/>
      <c r="H29" s="379"/>
      <c r="I29" s="379"/>
      <c r="J29" s="379"/>
      <c r="K29" s="380"/>
      <c r="L29" s="378"/>
      <c r="M29" s="379"/>
      <c r="N29" s="379"/>
      <c r="O29" s="379"/>
      <c r="P29" s="380"/>
      <c r="Q29" s="378"/>
      <c r="R29" s="379"/>
      <c r="S29" s="379"/>
      <c r="T29" s="379"/>
      <c r="U29" s="380"/>
      <c r="V29" s="378"/>
      <c r="W29" s="379"/>
      <c r="X29" s="379"/>
      <c r="Y29" s="379"/>
      <c r="Z29" s="380"/>
      <c r="AA29" s="113"/>
    </row>
    <row r="30" spans="2:27" s="107" customFormat="1" ht="5.25" customHeight="1" x14ac:dyDescent="0.15">
      <c r="B30" s="112"/>
      <c r="C30" s="116"/>
      <c r="D30" s="116"/>
      <c r="E30" s="116"/>
      <c r="F30" s="116"/>
      <c r="G30" s="116"/>
      <c r="H30" s="116"/>
      <c r="I30" s="116"/>
      <c r="J30" s="116"/>
      <c r="K30" s="116"/>
      <c r="L30" s="116"/>
      <c r="M30" s="116"/>
      <c r="N30" s="116"/>
      <c r="O30" s="116"/>
      <c r="P30" s="116"/>
      <c r="Q30" s="116"/>
      <c r="R30" s="116"/>
      <c r="S30" s="116"/>
      <c r="T30" s="116"/>
      <c r="U30" s="116"/>
      <c r="V30" s="116"/>
      <c r="W30" s="116"/>
      <c r="X30" s="116"/>
      <c r="Y30" s="116"/>
      <c r="Z30" s="116"/>
      <c r="AA30" s="113"/>
    </row>
    <row r="31" spans="2:27" s="107" customFormat="1" ht="19.5" customHeight="1" x14ac:dyDescent="0.15">
      <c r="B31" s="112"/>
      <c r="C31" s="107" t="s">
        <v>255</v>
      </c>
      <c r="D31" s="116"/>
      <c r="E31" s="116"/>
      <c r="F31" s="116"/>
      <c r="G31" s="116"/>
      <c r="H31" s="116"/>
      <c r="I31" s="116"/>
      <c r="J31" s="116"/>
      <c r="K31" s="116"/>
      <c r="L31" s="378"/>
      <c r="M31" s="379"/>
      <c r="N31" s="379"/>
      <c r="O31" s="379"/>
      <c r="P31" s="380"/>
      <c r="Q31" s="107" t="s">
        <v>256</v>
      </c>
      <c r="R31" s="116"/>
      <c r="S31" s="116"/>
      <c r="T31" s="116"/>
      <c r="U31" s="116"/>
      <c r="V31" s="116"/>
      <c r="W31" s="116"/>
      <c r="X31" s="116"/>
      <c r="Y31" s="116"/>
      <c r="Z31" s="116"/>
      <c r="AA31" s="113"/>
    </row>
    <row r="32" spans="2:27" s="107" customFormat="1" ht="6" customHeight="1" x14ac:dyDescent="0.15">
      <c r="B32" s="112"/>
      <c r="D32" s="116"/>
      <c r="E32" s="116"/>
      <c r="F32" s="116"/>
      <c r="G32" s="116"/>
      <c r="H32" s="116"/>
      <c r="I32" s="116"/>
      <c r="J32" s="116"/>
      <c r="K32" s="116"/>
      <c r="L32" s="116"/>
      <c r="M32" s="116"/>
      <c r="N32" s="116"/>
      <c r="O32" s="116"/>
      <c r="Y32" s="115"/>
      <c r="Z32" s="115"/>
      <c r="AA32" s="113"/>
    </row>
    <row r="33" spans="2:27" s="107" customFormat="1" ht="19.5" customHeight="1" x14ac:dyDescent="0.15">
      <c r="B33" s="112"/>
      <c r="C33" s="107" t="s">
        <v>259</v>
      </c>
      <c r="D33" s="116"/>
      <c r="E33" s="116"/>
      <c r="F33" s="116"/>
      <c r="G33" s="116"/>
      <c r="H33" s="116"/>
      <c r="I33" s="116"/>
      <c r="J33" s="116"/>
      <c r="K33" s="116"/>
      <c r="L33" s="116"/>
      <c r="M33" s="116"/>
      <c r="N33" s="116"/>
      <c r="O33" s="116"/>
      <c r="Y33" s="115"/>
      <c r="Z33" s="115"/>
      <c r="AA33" s="113"/>
    </row>
    <row r="34" spans="2:27" s="107" customFormat="1" ht="19.5" customHeight="1" x14ac:dyDescent="0.15">
      <c r="B34" s="112"/>
      <c r="C34" s="376" t="s">
        <v>249</v>
      </c>
      <c r="D34" s="376"/>
      <c r="E34" s="376"/>
      <c r="F34" s="376"/>
      <c r="G34" s="376" t="s">
        <v>250</v>
      </c>
      <c r="H34" s="376"/>
      <c r="I34" s="376"/>
      <c r="J34" s="376"/>
      <c r="K34" s="376"/>
      <c r="L34" s="376" t="s">
        <v>251</v>
      </c>
      <c r="M34" s="376"/>
      <c r="N34" s="376"/>
      <c r="O34" s="376"/>
      <c r="P34" s="376"/>
      <c r="Q34" s="376" t="s">
        <v>252</v>
      </c>
      <c r="R34" s="376"/>
      <c r="S34" s="376"/>
      <c r="T34" s="376"/>
      <c r="U34" s="376"/>
      <c r="V34" s="395" t="s">
        <v>253</v>
      </c>
      <c r="W34" s="395"/>
      <c r="X34" s="395"/>
      <c r="Y34" s="395"/>
      <c r="Z34" s="395"/>
      <c r="AA34" s="113"/>
    </row>
    <row r="35" spans="2:27" s="107" customFormat="1" ht="19.5" customHeight="1" x14ac:dyDescent="0.15">
      <c r="B35" s="112"/>
      <c r="C35" s="378" t="s">
        <v>254</v>
      </c>
      <c r="D35" s="379"/>
      <c r="E35" s="379"/>
      <c r="F35" s="380"/>
      <c r="G35" s="378"/>
      <c r="H35" s="379"/>
      <c r="I35" s="379"/>
      <c r="J35" s="379"/>
      <c r="K35" s="380"/>
      <c r="L35" s="378"/>
      <c r="M35" s="379"/>
      <c r="N35" s="379"/>
      <c r="O35" s="379"/>
      <c r="P35" s="380"/>
      <c r="Q35" s="378"/>
      <c r="R35" s="379"/>
      <c r="S35" s="379"/>
      <c r="T35" s="379"/>
      <c r="U35" s="380"/>
      <c r="V35" s="378"/>
      <c r="W35" s="379"/>
      <c r="X35" s="379"/>
      <c r="Y35" s="379"/>
      <c r="Z35" s="380"/>
      <c r="AA35" s="113"/>
    </row>
    <row r="36" spans="2:27" s="107" customFormat="1" ht="5.25" customHeight="1" x14ac:dyDescent="0.15">
      <c r="B36" s="112"/>
      <c r="C36" s="116"/>
      <c r="D36" s="116"/>
      <c r="E36" s="116"/>
      <c r="F36" s="116"/>
      <c r="G36" s="116"/>
      <c r="H36" s="116"/>
      <c r="I36" s="116"/>
      <c r="J36" s="116"/>
      <c r="K36" s="116"/>
      <c r="L36" s="116"/>
      <c r="M36" s="116"/>
      <c r="N36" s="116"/>
      <c r="O36" s="116"/>
      <c r="P36" s="116"/>
      <c r="Q36" s="116"/>
      <c r="R36" s="116"/>
      <c r="S36" s="116"/>
      <c r="T36" s="116"/>
      <c r="U36" s="116"/>
      <c r="V36" s="116"/>
      <c r="W36" s="116"/>
      <c r="X36" s="116"/>
      <c r="Y36" s="116"/>
      <c r="Z36" s="116"/>
      <c r="AA36" s="113"/>
    </row>
    <row r="37" spans="2:27" s="107" customFormat="1" ht="19.5" customHeight="1" x14ac:dyDescent="0.15">
      <c r="B37" s="112"/>
      <c r="C37" s="107" t="s">
        <v>255</v>
      </c>
      <c r="D37" s="116"/>
      <c r="E37" s="116"/>
      <c r="F37" s="116"/>
      <c r="G37" s="116"/>
      <c r="H37" s="116"/>
      <c r="I37" s="116"/>
      <c r="J37" s="116"/>
      <c r="K37" s="116"/>
      <c r="L37" s="378"/>
      <c r="M37" s="379"/>
      <c r="N37" s="379"/>
      <c r="O37" s="379"/>
      <c r="P37" s="380"/>
      <c r="Q37" s="107" t="s">
        <v>256</v>
      </c>
      <c r="R37" s="116"/>
      <c r="S37" s="116"/>
      <c r="T37" s="116"/>
      <c r="U37" s="116"/>
      <c r="V37" s="116"/>
      <c r="W37" s="116"/>
      <c r="X37" s="116"/>
      <c r="Y37" s="116"/>
      <c r="Z37" s="116"/>
      <c r="AA37" s="113"/>
    </row>
    <row r="38" spans="2:27" s="107" customFormat="1" ht="4.5" customHeight="1" x14ac:dyDescent="0.15">
      <c r="B38" s="112"/>
      <c r="D38" s="116"/>
      <c r="E38" s="116"/>
      <c r="F38" s="116"/>
      <c r="G38" s="116"/>
      <c r="H38" s="116"/>
      <c r="I38" s="116"/>
      <c r="J38" s="116"/>
      <c r="K38" s="116"/>
      <c r="L38" s="116"/>
      <c r="M38" s="116"/>
      <c r="N38" s="116"/>
      <c r="O38" s="116"/>
      <c r="Y38" s="115"/>
      <c r="Z38" s="115"/>
      <c r="AA38" s="113"/>
    </row>
    <row r="39" spans="2:27" s="107" customFormat="1" ht="16.5" customHeight="1" x14ac:dyDescent="0.15">
      <c r="B39" s="112"/>
      <c r="C39" s="116"/>
      <c r="D39" s="394" t="s">
        <v>260</v>
      </c>
      <c r="E39" s="394"/>
      <c r="F39" s="394"/>
      <c r="G39" s="394"/>
      <c r="H39" s="394"/>
      <c r="I39" s="394"/>
      <c r="J39" s="394"/>
      <c r="K39" s="394"/>
      <c r="L39" s="394"/>
      <c r="M39" s="394"/>
      <c r="N39" s="394"/>
      <c r="O39" s="394"/>
      <c r="P39" s="394"/>
      <c r="Q39" s="394"/>
      <c r="R39" s="394"/>
      <c r="S39" s="394"/>
      <c r="T39" s="117"/>
      <c r="U39" s="118"/>
      <c r="V39" s="116"/>
      <c r="W39" s="116"/>
      <c r="X39" s="116"/>
      <c r="Y39" s="116"/>
      <c r="Z39" s="116"/>
      <c r="AA39" s="113"/>
    </row>
    <row r="40" spans="2:27" s="107" customFormat="1" ht="6.75" customHeight="1" x14ac:dyDescent="0.15">
      <c r="B40" s="112"/>
      <c r="D40" s="116"/>
      <c r="E40" s="116"/>
      <c r="F40" s="116"/>
      <c r="G40" s="116"/>
      <c r="H40" s="116"/>
      <c r="I40" s="116"/>
      <c r="J40" s="116"/>
      <c r="K40" s="116"/>
      <c r="L40" s="119"/>
      <c r="M40" s="119"/>
      <c r="N40" s="119"/>
      <c r="O40" s="119"/>
      <c r="P40" s="119"/>
      <c r="R40" s="116"/>
      <c r="S40" s="116"/>
      <c r="T40" s="116"/>
      <c r="U40" s="116"/>
      <c r="V40" s="116"/>
      <c r="W40" s="116"/>
      <c r="X40" s="116"/>
      <c r="Y40" s="116"/>
      <c r="Z40" s="116"/>
      <c r="AA40" s="113"/>
    </row>
    <row r="41" spans="2:27" s="107" customFormat="1" ht="18.75" customHeight="1" x14ac:dyDescent="0.15">
      <c r="B41" s="112"/>
      <c r="C41" s="107" t="s">
        <v>261</v>
      </c>
      <c r="AA41" s="113"/>
    </row>
    <row r="42" spans="2:27" s="107" customFormat="1" ht="19.5" customHeight="1" x14ac:dyDescent="0.15">
      <c r="B42" s="112"/>
      <c r="C42" s="376" t="s">
        <v>245</v>
      </c>
      <c r="D42" s="376"/>
      <c r="E42" s="376"/>
      <c r="F42" s="376"/>
      <c r="G42" s="378" t="s">
        <v>262</v>
      </c>
      <c r="H42" s="379"/>
      <c r="I42" s="379"/>
      <c r="J42" s="379"/>
      <c r="K42" s="380"/>
      <c r="M42" s="376" t="s">
        <v>247</v>
      </c>
      <c r="N42" s="376"/>
      <c r="O42" s="376"/>
      <c r="P42" s="376"/>
      <c r="Q42" s="378" t="s">
        <v>262</v>
      </c>
      <c r="R42" s="379"/>
      <c r="S42" s="379"/>
      <c r="T42" s="379"/>
      <c r="U42" s="380"/>
      <c r="Y42" s="115"/>
      <c r="Z42" s="115"/>
      <c r="AA42" s="113"/>
    </row>
    <row r="43" spans="2:27" s="107" customFormat="1" ht="7.5" customHeight="1" x14ac:dyDescent="0.15">
      <c r="B43" s="112"/>
      <c r="C43" s="116"/>
      <c r="D43" s="116"/>
      <c r="E43" s="116"/>
      <c r="F43" s="116"/>
      <c r="G43" s="116"/>
      <c r="H43" s="116"/>
      <c r="I43" s="116"/>
      <c r="J43" s="116"/>
      <c r="K43" s="116"/>
      <c r="Y43" s="115"/>
      <c r="Z43" s="115"/>
      <c r="AA43" s="113"/>
    </row>
    <row r="44" spans="2:27" s="107" customFormat="1" ht="19.5" customHeight="1" x14ac:dyDescent="0.15">
      <c r="B44" s="112"/>
      <c r="C44" s="107" t="s">
        <v>263</v>
      </c>
      <c r="D44" s="116"/>
      <c r="E44" s="116"/>
      <c r="F44" s="116"/>
      <c r="G44" s="116"/>
      <c r="H44" s="116"/>
      <c r="I44" s="116"/>
      <c r="J44" s="116"/>
      <c r="M44" s="116"/>
      <c r="N44" s="116"/>
      <c r="O44" s="116"/>
      <c r="Y44" s="115"/>
      <c r="Z44" s="115"/>
      <c r="AA44" s="113"/>
    </row>
    <row r="45" spans="2:27" s="107" customFormat="1" ht="19.5" customHeight="1" x14ac:dyDescent="0.15">
      <c r="B45" s="112"/>
      <c r="C45" s="376" t="s">
        <v>264</v>
      </c>
      <c r="D45" s="376"/>
      <c r="E45" s="376"/>
      <c r="F45" s="376"/>
      <c r="G45" s="376" t="s">
        <v>265</v>
      </c>
      <c r="H45" s="376"/>
      <c r="I45" s="376"/>
      <c r="J45" s="376"/>
      <c r="K45" s="376"/>
      <c r="L45" s="376" t="s">
        <v>266</v>
      </c>
      <c r="M45" s="376"/>
      <c r="N45" s="376"/>
      <c r="O45" s="376"/>
      <c r="P45" s="376"/>
      <c r="Q45" s="376" t="s">
        <v>267</v>
      </c>
      <c r="R45" s="376"/>
      <c r="S45" s="376"/>
      <c r="T45" s="376"/>
      <c r="U45" s="376"/>
      <c r="V45" s="376" t="s">
        <v>268</v>
      </c>
      <c r="W45" s="376"/>
      <c r="X45" s="376"/>
      <c r="Y45" s="376"/>
      <c r="Z45" s="376"/>
      <c r="AA45" s="113"/>
    </row>
    <row r="46" spans="2:27" s="107" customFormat="1" ht="19.5" customHeight="1" x14ac:dyDescent="0.15">
      <c r="B46" s="112"/>
      <c r="C46" s="378" t="s">
        <v>269</v>
      </c>
      <c r="D46" s="379"/>
      <c r="E46" s="379"/>
      <c r="F46" s="380"/>
      <c r="G46" s="378"/>
      <c r="H46" s="379"/>
      <c r="I46" s="379"/>
      <c r="J46" s="379"/>
      <c r="K46" s="380"/>
      <c r="L46" s="378"/>
      <c r="M46" s="379"/>
      <c r="N46" s="379"/>
      <c r="O46" s="379"/>
      <c r="P46" s="380"/>
      <c r="Q46" s="378"/>
      <c r="R46" s="379"/>
      <c r="S46" s="379"/>
      <c r="T46" s="379"/>
      <c r="U46" s="380"/>
      <c r="V46" s="378"/>
      <c r="W46" s="379"/>
      <c r="X46" s="379"/>
      <c r="Y46" s="379"/>
      <c r="Z46" s="380"/>
      <c r="AA46" s="113"/>
    </row>
    <row r="47" spans="2:27" s="107" customFormat="1" ht="4.5" customHeight="1" x14ac:dyDescent="0.15">
      <c r="B47" s="112"/>
      <c r="C47" s="116"/>
      <c r="D47" s="116"/>
      <c r="E47" s="116"/>
      <c r="F47" s="116"/>
      <c r="G47" s="116"/>
      <c r="H47" s="116"/>
      <c r="I47" s="116"/>
      <c r="J47" s="116"/>
      <c r="K47" s="116"/>
      <c r="L47" s="116"/>
      <c r="M47" s="116"/>
      <c r="N47" s="116"/>
      <c r="O47" s="116"/>
      <c r="P47" s="116"/>
      <c r="Q47" s="116"/>
      <c r="R47" s="116"/>
      <c r="S47" s="116"/>
      <c r="T47" s="116"/>
      <c r="U47" s="116"/>
      <c r="V47" s="116"/>
      <c r="W47" s="116"/>
      <c r="X47" s="116"/>
      <c r="Y47" s="116"/>
      <c r="Z47" s="116"/>
      <c r="AA47" s="113"/>
    </row>
    <row r="48" spans="2:27" s="107" customFormat="1" ht="19.5" customHeight="1" x14ac:dyDescent="0.15">
      <c r="B48" s="112"/>
      <c r="C48" s="107" t="s">
        <v>270</v>
      </c>
      <c r="D48" s="116"/>
      <c r="E48" s="116"/>
      <c r="F48" s="116"/>
      <c r="G48" s="116"/>
      <c r="H48" s="116"/>
      <c r="I48" s="116"/>
      <c r="J48" s="116"/>
      <c r="M48" s="116"/>
      <c r="N48" s="116"/>
      <c r="O48" s="116"/>
      <c r="Y48" s="115"/>
      <c r="Z48" s="115"/>
      <c r="AA48" s="113"/>
    </row>
    <row r="49" spans="2:27" s="107" customFormat="1" ht="19.5" customHeight="1" x14ac:dyDescent="0.15">
      <c r="B49" s="112"/>
      <c r="C49" s="376" t="s">
        <v>264</v>
      </c>
      <c r="D49" s="376"/>
      <c r="E49" s="376"/>
      <c r="F49" s="376"/>
      <c r="G49" s="376" t="s">
        <v>265</v>
      </c>
      <c r="H49" s="376"/>
      <c r="I49" s="376"/>
      <c r="J49" s="376"/>
      <c r="K49" s="376"/>
      <c r="L49" s="376" t="s">
        <v>266</v>
      </c>
      <c r="M49" s="376"/>
      <c r="N49" s="376"/>
      <c r="O49" s="376"/>
      <c r="P49" s="376"/>
      <c r="Q49" s="376" t="s">
        <v>267</v>
      </c>
      <c r="R49" s="376"/>
      <c r="S49" s="376"/>
      <c r="T49" s="376"/>
      <c r="U49" s="376"/>
      <c r="V49" s="376" t="s">
        <v>268</v>
      </c>
      <c r="W49" s="376"/>
      <c r="X49" s="376"/>
      <c r="Y49" s="376"/>
      <c r="Z49" s="376"/>
      <c r="AA49" s="113"/>
    </row>
    <row r="50" spans="2:27" s="107" customFormat="1" ht="19.5" customHeight="1" x14ac:dyDescent="0.15">
      <c r="B50" s="112"/>
      <c r="C50" s="378" t="s">
        <v>269</v>
      </c>
      <c r="D50" s="379"/>
      <c r="E50" s="379"/>
      <c r="F50" s="380"/>
      <c r="G50" s="378"/>
      <c r="H50" s="379"/>
      <c r="I50" s="379"/>
      <c r="J50" s="379"/>
      <c r="K50" s="380"/>
      <c r="L50" s="378"/>
      <c r="M50" s="379"/>
      <c r="N50" s="379"/>
      <c r="O50" s="379"/>
      <c r="P50" s="380"/>
      <c r="Q50" s="378"/>
      <c r="R50" s="379"/>
      <c r="S50" s="379"/>
      <c r="T50" s="379"/>
      <c r="U50" s="380"/>
      <c r="V50" s="378"/>
      <c r="W50" s="379"/>
      <c r="X50" s="379"/>
      <c r="Y50" s="379"/>
      <c r="Z50" s="380"/>
      <c r="AA50" s="113"/>
    </row>
    <row r="51" spans="2:27" s="107" customFormat="1" ht="5.25" customHeight="1" x14ac:dyDescent="0.15">
      <c r="B51" s="112"/>
      <c r="C51" s="116"/>
      <c r="D51" s="116"/>
      <c r="E51" s="116"/>
      <c r="F51" s="116"/>
      <c r="G51" s="116"/>
      <c r="H51" s="116"/>
      <c r="I51" s="116"/>
      <c r="J51" s="116"/>
      <c r="K51" s="116"/>
      <c r="L51" s="116"/>
      <c r="M51" s="116"/>
      <c r="N51" s="116"/>
      <c r="O51" s="116"/>
      <c r="P51" s="116"/>
      <c r="Q51" s="116"/>
      <c r="R51" s="116"/>
      <c r="S51" s="116"/>
      <c r="T51" s="116"/>
      <c r="U51" s="116"/>
      <c r="V51" s="116"/>
      <c r="W51" s="116"/>
      <c r="X51" s="116"/>
      <c r="Y51" s="116"/>
      <c r="Z51" s="116"/>
      <c r="AA51" s="113"/>
    </row>
    <row r="52" spans="2:27" s="107" customFormat="1" ht="19.5" customHeight="1" x14ac:dyDescent="0.15">
      <c r="B52" s="112"/>
      <c r="C52" s="116"/>
      <c r="D52" s="120" t="s">
        <v>271</v>
      </c>
      <c r="E52" s="117"/>
      <c r="F52" s="117"/>
      <c r="G52" s="117"/>
      <c r="H52" s="117"/>
      <c r="I52" s="117"/>
      <c r="J52" s="117"/>
      <c r="K52" s="117"/>
      <c r="L52" s="117"/>
      <c r="M52" s="117"/>
      <c r="N52" s="117"/>
      <c r="O52" s="117"/>
      <c r="P52" s="117"/>
      <c r="Q52" s="117"/>
      <c r="R52" s="117"/>
      <c r="S52" s="117"/>
      <c r="T52" s="117"/>
      <c r="U52" s="118"/>
      <c r="V52" s="116"/>
      <c r="W52" s="116"/>
      <c r="X52" s="116"/>
      <c r="Y52" s="116"/>
      <c r="Z52" s="116"/>
      <c r="AA52" s="113"/>
    </row>
    <row r="53" spans="2:27" s="107" customFormat="1" ht="7.5" customHeight="1" x14ac:dyDescent="0.15">
      <c r="B53" s="112"/>
      <c r="C53" s="116"/>
      <c r="E53" s="116"/>
      <c r="F53" s="116"/>
      <c r="G53" s="116"/>
      <c r="H53" s="116"/>
      <c r="I53" s="116"/>
      <c r="J53" s="116"/>
      <c r="K53" s="116"/>
      <c r="L53" s="116"/>
      <c r="M53" s="116"/>
      <c r="N53" s="116"/>
      <c r="O53" s="116"/>
      <c r="P53" s="116"/>
      <c r="Q53" s="116"/>
      <c r="R53" s="116"/>
      <c r="S53" s="116"/>
      <c r="T53" s="116"/>
      <c r="U53" s="121"/>
      <c r="V53" s="116"/>
      <c r="W53" s="116"/>
      <c r="X53" s="116"/>
      <c r="Y53" s="116"/>
      <c r="Z53" s="116"/>
      <c r="AA53" s="113"/>
    </row>
    <row r="54" spans="2:27" s="107" customFormat="1" ht="19.5" customHeight="1" x14ac:dyDescent="0.15">
      <c r="B54" s="112"/>
      <c r="C54" s="107" t="s">
        <v>272</v>
      </c>
      <c r="D54" s="116"/>
      <c r="E54" s="116"/>
      <c r="F54" s="116"/>
      <c r="G54" s="116"/>
      <c r="H54" s="116"/>
      <c r="I54" s="116"/>
      <c r="J54" s="116"/>
      <c r="K54" s="116"/>
      <c r="L54" s="116"/>
      <c r="M54" s="116"/>
      <c r="N54" s="116"/>
      <c r="O54" s="116"/>
      <c r="Y54" s="115"/>
      <c r="Z54" s="115"/>
      <c r="AA54" s="113"/>
    </row>
    <row r="55" spans="2:27" s="107" customFormat="1" ht="19.5" customHeight="1" x14ac:dyDescent="0.15">
      <c r="B55" s="112"/>
      <c r="C55" s="388" t="s">
        <v>273</v>
      </c>
      <c r="D55" s="389"/>
      <c r="E55" s="389"/>
      <c r="F55" s="389"/>
      <c r="G55" s="389"/>
      <c r="H55" s="389"/>
      <c r="I55" s="389"/>
      <c r="J55" s="389"/>
      <c r="K55" s="389"/>
      <c r="L55" s="389"/>
      <c r="M55" s="389"/>
      <c r="N55" s="389"/>
      <c r="O55" s="389"/>
      <c r="P55" s="389"/>
      <c r="Q55" s="389"/>
      <c r="R55" s="389"/>
      <c r="S55" s="389"/>
      <c r="T55" s="389"/>
      <c r="U55" s="389"/>
      <c r="V55" s="389"/>
      <c r="W55" s="389"/>
      <c r="X55" s="389"/>
      <c r="Y55" s="389"/>
      <c r="Z55" s="390"/>
      <c r="AA55" s="113"/>
    </row>
    <row r="56" spans="2:27" s="107" customFormat="1" ht="19.5" customHeight="1" x14ac:dyDescent="0.15">
      <c r="B56" s="112"/>
      <c r="C56" s="391"/>
      <c r="D56" s="392"/>
      <c r="E56" s="392"/>
      <c r="F56" s="392"/>
      <c r="G56" s="392"/>
      <c r="H56" s="392"/>
      <c r="I56" s="392"/>
      <c r="J56" s="392"/>
      <c r="K56" s="392"/>
      <c r="L56" s="392"/>
      <c r="M56" s="392"/>
      <c r="N56" s="392"/>
      <c r="O56" s="392"/>
      <c r="P56" s="392"/>
      <c r="Q56" s="392"/>
      <c r="R56" s="392"/>
      <c r="S56" s="392"/>
      <c r="T56" s="392"/>
      <c r="U56" s="392"/>
      <c r="V56" s="392"/>
      <c r="W56" s="392"/>
      <c r="X56" s="392"/>
      <c r="Y56" s="392"/>
      <c r="Z56" s="393"/>
      <c r="AA56" s="113"/>
    </row>
    <row r="57" spans="2:27" s="107" customFormat="1" ht="6.75" customHeight="1" x14ac:dyDescent="0.15">
      <c r="B57" s="112"/>
      <c r="D57" s="116"/>
      <c r="E57" s="116"/>
      <c r="F57" s="116"/>
      <c r="G57" s="116"/>
      <c r="H57" s="116"/>
      <c r="I57" s="116"/>
      <c r="J57" s="116"/>
      <c r="K57" s="116"/>
      <c r="L57" s="116"/>
      <c r="M57" s="116"/>
      <c r="N57" s="116"/>
      <c r="O57" s="116"/>
      <c r="Y57" s="122"/>
      <c r="Z57" s="122"/>
      <c r="AA57" s="113"/>
    </row>
    <row r="58" spans="2:27" s="107" customFormat="1" ht="19.5" customHeight="1" x14ac:dyDescent="0.15">
      <c r="B58" s="112"/>
      <c r="C58" s="107" t="s">
        <v>274</v>
      </c>
      <c r="D58" s="116"/>
      <c r="E58" s="116"/>
      <c r="F58" s="116"/>
      <c r="G58" s="116"/>
      <c r="H58" s="116"/>
      <c r="I58" s="116"/>
      <c r="J58" s="116"/>
      <c r="K58" s="116"/>
      <c r="L58" s="116"/>
      <c r="M58" s="116"/>
      <c r="N58" s="116"/>
      <c r="O58" s="116"/>
      <c r="Y58" s="115"/>
      <c r="Z58" s="115"/>
      <c r="AA58" s="113"/>
    </row>
    <row r="59" spans="2:27" s="107" customFormat="1" ht="19.5" customHeight="1" x14ac:dyDescent="0.15">
      <c r="B59" s="112"/>
      <c r="C59" s="388" t="s">
        <v>273</v>
      </c>
      <c r="D59" s="389"/>
      <c r="E59" s="389"/>
      <c r="F59" s="389"/>
      <c r="G59" s="389"/>
      <c r="H59" s="389"/>
      <c r="I59" s="389"/>
      <c r="J59" s="389"/>
      <c r="K59" s="389"/>
      <c r="L59" s="389"/>
      <c r="M59" s="389"/>
      <c r="N59" s="389"/>
      <c r="O59" s="389"/>
      <c r="P59" s="389"/>
      <c r="Q59" s="389"/>
      <c r="R59" s="389"/>
      <c r="S59" s="389"/>
      <c r="T59" s="389"/>
      <c r="U59" s="389"/>
      <c r="V59" s="389"/>
      <c r="W59" s="389"/>
      <c r="X59" s="389"/>
      <c r="Y59" s="389"/>
      <c r="Z59" s="390"/>
      <c r="AA59" s="113"/>
    </row>
    <row r="60" spans="2:27" s="107" customFormat="1" ht="19.5" customHeight="1" x14ac:dyDescent="0.15">
      <c r="B60" s="112"/>
      <c r="C60" s="391"/>
      <c r="D60" s="392"/>
      <c r="E60" s="392"/>
      <c r="F60" s="392"/>
      <c r="G60" s="392"/>
      <c r="H60" s="392"/>
      <c r="I60" s="392"/>
      <c r="J60" s="392"/>
      <c r="K60" s="392"/>
      <c r="L60" s="392"/>
      <c r="M60" s="392"/>
      <c r="N60" s="392"/>
      <c r="O60" s="392"/>
      <c r="P60" s="392"/>
      <c r="Q60" s="392"/>
      <c r="R60" s="392"/>
      <c r="S60" s="392"/>
      <c r="T60" s="392"/>
      <c r="U60" s="392"/>
      <c r="V60" s="392"/>
      <c r="W60" s="392"/>
      <c r="X60" s="392"/>
      <c r="Y60" s="392"/>
      <c r="Z60" s="393"/>
      <c r="AA60" s="113"/>
    </row>
    <row r="61" spans="2:27" s="107" customFormat="1" ht="6.75" customHeight="1" x14ac:dyDescent="0.15">
      <c r="B61" s="112"/>
      <c r="D61" s="116"/>
      <c r="E61" s="116"/>
      <c r="F61" s="116"/>
      <c r="G61" s="116"/>
      <c r="H61" s="116"/>
      <c r="I61" s="116"/>
      <c r="J61" s="116"/>
      <c r="K61" s="116"/>
      <c r="L61" s="116"/>
      <c r="M61" s="116"/>
      <c r="N61" s="116"/>
      <c r="O61" s="116"/>
      <c r="Y61" s="122"/>
      <c r="Z61" s="122"/>
      <c r="AA61" s="113"/>
    </row>
    <row r="62" spans="2:27" s="107" customFormat="1" ht="19.5" customHeight="1" x14ac:dyDescent="0.15">
      <c r="B62" s="112"/>
      <c r="C62" s="116"/>
      <c r="D62" s="120" t="s">
        <v>271</v>
      </c>
      <c r="E62" s="117"/>
      <c r="F62" s="117"/>
      <c r="G62" s="117"/>
      <c r="H62" s="117"/>
      <c r="I62" s="117"/>
      <c r="J62" s="117"/>
      <c r="K62" s="117"/>
      <c r="L62" s="117"/>
      <c r="M62" s="117"/>
      <c r="N62" s="117"/>
      <c r="O62" s="117"/>
      <c r="P62" s="117"/>
      <c r="Q62" s="117"/>
      <c r="R62" s="117"/>
      <c r="S62" s="117"/>
      <c r="T62" s="117"/>
      <c r="U62" s="118"/>
      <c r="V62" s="116"/>
      <c r="W62" s="116"/>
      <c r="X62" s="116"/>
      <c r="Y62" s="116"/>
      <c r="Z62" s="116"/>
      <c r="AA62" s="113"/>
    </row>
    <row r="63" spans="2:27" s="107" customFormat="1" ht="9" customHeight="1" x14ac:dyDescent="0.15">
      <c r="B63" s="112"/>
      <c r="D63" s="116"/>
      <c r="E63" s="116"/>
      <c r="F63" s="116"/>
      <c r="G63" s="116"/>
      <c r="H63" s="116"/>
      <c r="I63" s="116"/>
      <c r="J63" s="116"/>
      <c r="K63" s="116"/>
      <c r="L63" s="116"/>
      <c r="M63" s="116"/>
      <c r="N63" s="116"/>
      <c r="O63" s="116"/>
      <c r="Y63" s="122"/>
      <c r="Z63" s="122"/>
      <c r="AA63" s="113"/>
    </row>
    <row r="64" spans="2:27" s="107" customFormat="1" x14ac:dyDescent="0.15">
      <c r="B64" s="112"/>
      <c r="C64" s="107" t="s">
        <v>275</v>
      </c>
      <c r="D64" s="116"/>
      <c r="E64" s="116"/>
      <c r="F64" s="116"/>
      <c r="G64" s="116"/>
      <c r="H64" s="116"/>
      <c r="I64" s="116"/>
      <c r="J64" s="116"/>
      <c r="K64" s="116"/>
      <c r="L64" s="116"/>
      <c r="M64" s="116"/>
      <c r="N64" s="116"/>
      <c r="O64" s="116"/>
      <c r="Y64" s="122"/>
      <c r="Z64" s="122"/>
      <c r="AA64" s="113"/>
    </row>
    <row r="65" spans="2:27" s="107" customFormat="1" ht="19.5" customHeight="1" x14ac:dyDescent="0.15">
      <c r="B65" s="112"/>
      <c r="C65" s="376" t="s">
        <v>276</v>
      </c>
      <c r="D65" s="376"/>
      <c r="E65" s="376"/>
      <c r="F65" s="376"/>
      <c r="G65" s="385" t="s">
        <v>277</v>
      </c>
      <c r="H65" s="386"/>
      <c r="I65" s="386"/>
      <c r="J65" s="386"/>
      <c r="K65" s="387"/>
      <c r="L65" s="385" t="s">
        <v>278</v>
      </c>
      <c r="M65" s="386"/>
      <c r="N65" s="386"/>
      <c r="O65" s="386"/>
      <c r="P65" s="387"/>
      <c r="Q65" s="114"/>
      <c r="R65" s="114"/>
      <c r="S65" s="114"/>
      <c r="T65" s="114"/>
      <c r="U65" s="114"/>
      <c r="V65" s="114"/>
      <c r="W65" s="114"/>
      <c r="X65" s="114"/>
      <c r="Y65" s="114"/>
      <c r="Z65" s="114"/>
      <c r="AA65" s="113"/>
    </row>
    <row r="66" spans="2:27" s="107" customFormat="1" ht="19.5" customHeight="1" x14ac:dyDescent="0.15">
      <c r="B66" s="112"/>
      <c r="C66" s="378" t="s">
        <v>279</v>
      </c>
      <c r="D66" s="379"/>
      <c r="E66" s="379"/>
      <c r="F66" s="380"/>
      <c r="G66" s="378"/>
      <c r="H66" s="379"/>
      <c r="I66" s="379"/>
      <c r="J66" s="379"/>
      <c r="K66" s="380"/>
      <c r="L66" s="378"/>
      <c r="M66" s="379"/>
      <c r="N66" s="379"/>
      <c r="O66" s="379"/>
      <c r="P66" s="380"/>
      <c r="Q66" s="114"/>
      <c r="R66" s="114"/>
      <c r="S66" s="114"/>
      <c r="T66" s="114"/>
      <c r="U66" s="114"/>
      <c r="V66" s="114"/>
      <c r="W66" s="114"/>
      <c r="X66" s="114"/>
      <c r="Y66" s="114"/>
      <c r="Z66" s="114"/>
      <c r="AA66" s="113"/>
    </row>
    <row r="67" spans="2:27" s="107" customFormat="1" ht="9" customHeight="1" x14ac:dyDescent="0.15">
      <c r="B67" s="112"/>
      <c r="C67" s="116"/>
      <c r="D67" s="116"/>
      <c r="E67" s="116"/>
      <c r="F67" s="116"/>
      <c r="G67" s="116"/>
      <c r="H67" s="116"/>
      <c r="I67" s="116"/>
      <c r="J67" s="116"/>
      <c r="K67" s="116"/>
      <c r="L67" s="114"/>
      <c r="M67" s="116"/>
      <c r="N67" s="116"/>
      <c r="O67" s="116"/>
      <c r="P67" s="116"/>
      <c r="Q67" s="116"/>
      <c r="R67" s="116"/>
      <c r="S67" s="116"/>
      <c r="T67" s="116"/>
      <c r="U67" s="116"/>
      <c r="V67" s="114"/>
      <c r="W67" s="114"/>
      <c r="X67" s="114"/>
      <c r="Y67" s="114"/>
      <c r="Z67" s="114"/>
      <c r="AA67" s="113"/>
    </row>
    <row r="68" spans="2:27" s="107" customFormat="1" ht="19.5" customHeight="1" x14ac:dyDescent="0.15">
      <c r="B68" s="112"/>
      <c r="C68" s="376" t="s">
        <v>276</v>
      </c>
      <c r="D68" s="376"/>
      <c r="E68" s="376"/>
      <c r="F68" s="376"/>
      <c r="G68" s="385" t="s">
        <v>277</v>
      </c>
      <c r="H68" s="386"/>
      <c r="I68" s="386"/>
      <c r="J68" s="386"/>
      <c r="K68" s="387"/>
      <c r="L68" s="385" t="s">
        <v>278</v>
      </c>
      <c r="M68" s="386"/>
      <c r="N68" s="386"/>
      <c r="O68" s="386"/>
      <c r="P68" s="387"/>
      <c r="Q68" s="114"/>
      <c r="R68" s="114"/>
      <c r="S68" s="114"/>
      <c r="T68" s="114"/>
      <c r="U68" s="114"/>
      <c r="V68" s="114"/>
      <c r="W68" s="114"/>
      <c r="X68" s="114"/>
      <c r="Y68" s="114"/>
      <c r="Z68" s="114"/>
      <c r="AA68" s="113"/>
    </row>
    <row r="69" spans="2:27" s="107" customFormat="1" ht="19.5" customHeight="1" x14ac:dyDescent="0.15">
      <c r="B69" s="112"/>
      <c r="C69" s="378" t="s">
        <v>280</v>
      </c>
      <c r="D69" s="379"/>
      <c r="E69" s="379"/>
      <c r="F69" s="380"/>
      <c r="G69" s="378"/>
      <c r="H69" s="379"/>
      <c r="I69" s="379"/>
      <c r="J69" s="379"/>
      <c r="K69" s="380"/>
      <c r="L69" s="378"/>
      <c r="M69" s="379"/>
      <c r="N69" s="379"/>
      <c r="O69" s="379"/>
      <c r="P69" s="380"/>
      <c r="Q69" s="114"/>
      <c r="R69" s="114"/>
      <c r="S69" s="114"/>
      <c r="T69" s="114"/>
      <c r="U69" s="114"/>
      <c r="V69" s="114"/>
      <c r="W69" s="114"/>
      <c r="X69" s="114"/>
      <c r="Y69" s="114"/>
      <c r="Z69" s="114"/>
      <c r="AA69" s="113"/>
    </row>
    <row r="70" spans="2:27" s="107" customFormat="1" ht="6" customHeight="1" x14ac:dyDescent="0.15">
      <c r="B70" s="112"/>
      <c r="C70" s="116"/>
      <c r="D70" s="116"/>
      <c r="E70" s="116"/>
      <c r="F70" s="116"/>
      <c r="G70" s="116"/>
      <c r="H70" s="116"/>
      <c r="I70" s="116"/>
      <c r="J70" s="116"/>
      <c r="K70" s="116"/>
      <c r="L70" s="114"/>
      <c r="M70" s="116"/>
      <c r="N70" s="116"/>
      <c r="O70" s="116"/>
      <c r="P70" s="116"/>
      <c r="Q70" s="116"/>
      <c r="R70" s="116"/>
      <c r="S70" s="116"/>
      <c r="T70" s="116"/>
      <c r="U70" s="116"/>
      <c r="V70" s="114"/>
      <c r="W70" s="114"/>
      <c r="X70" s="114"/>
      <c r="Y70" s="114"/>
      <c r="Z70" s="114"/>
      <c r="AA70" s="113"/>
    </row>
    <row r="71" spans="2:27" s="107" customFormat="1" ht="17.25" customHeight="1" x14ac:dyDescent="0.15">
      <c r="B71" s="112"/>
      <c r="C71" s="107" t="s">
        <v>281</v>
      </c>
      <c r="D71" s="116"/>
      <c r="E71" s="116"/>
      <c r="F71" s="116"/>
      <c r="G71" s="116"/>
      <c r="H71" s="116"/>
      <c r="I71" s="116"/>
      <c r="J71" s="116"/>
      <c r="K71" s="116"/>
      <c r="L71" s="116"/>
      <c r="M71" s="116"/>
      <c r="N71" s="116"/>
      <c r="O71" s="116"/>
      <c r="Y71" s="115"/>
      <c r="Z71" s="115"/>
      <c r="AA71" s="113"/>
    </row>
    <row r="72" spans="2:27" s="107" customFormat="1" ht="4.5" customHeight="1" x14ac:dyDescent="0.15">
      <c r="B72" s="112"/>
      <c r="D72" s="116"/>
      <c r="E72" s="116"/>
      <c r="F72" s="116"/>
      <c r="G72" s="116"/>
      <c r="H72" s="116"/>
      <c r="I72" s="116"/>
      <c r="J72" s="116"/>
      <c r="K72" s="116"/>
      <c r="L72" s="116"/>
      <c r="M72" s="116"/>
      <c r="N72" s="116"/>
      <c r="O72" s="116"/>
      <c r="Y72" s="115"/>
      <c r="Z72" s="115"/>
      <c r="AA72" s="113"/>
    </row>
    <row r="73" spans="2:27" s="107" customFormat="1" ht="16.5" customHeight="1" x14ac:dyDescent="0.15">
      <c r="B73" s="112"/>
      <c r="C73" s="116"/>
      <c r="D73" s="120" t="s">
        <v>282</v>
      </c>
      <c r="E73" s="117"/>
      <c r="F73" s="117"/>
      <c r="G73" s="117"/>
      <c r="H73" s="117"/>
      <c r="I73" s="117"/>
      <c r="J73" s="117"/>
      <c r="K73" s="117"/>
      <c r="L73" s="117"/>
      <c r="M73" s="117"/>
      <c r="N73" s="117"/>
      <c r="O73" s="117"/>
      <c r="P73" s="117"/>
      <c r="Q73" s="117"/>
      <c r="R73" s="117"/>
      <c r="S73" s="117"/>
      <c r="T73" s="117"/>
      <c r="U73" s="118"/>
      <c r="V73" s="116"/>
      <c r="W73" s="116"/>
      <c r="X73" s="116"/>
      <c r="Y73" s="116"/>
      <c r="Z73" s="116"/>
      <c r="AA73" s="113"/>
    </row>
    <row r="74" spans="2:27" s="107" customFormat="1" ht="9" customHeight="1" x14ac:dyDescent="0.15">
      <c r="B74" s="112"/>
      <c r="C74" s="116"/>
      <c r="D74" s="116"/>
      <c r="E74" s="116"/>
      <c r="F74" s="116"/>
      <c r="G74" s="116"/>
      <c r="H74" s="116"/>
      <c r="I74" s="116"/>
      <c r="J74" s="116"/>
      <c r="K74" s="116"/>
      <c r="L74" s="114"/>
      <c r="M74" s="116"/>
      <c r="N74" s="116"/>
      <c r="O74" s="116"/>
      <c r="P74" s="116"/>
      <c r="Q74" s="116"/>
      <c r="R74" s="116"/>
      <c r="S74" s="116"/>
      <c r="T74" s="116"/>
      <c r="U74" s="116"/>
      <c r="V74" s="114"/>
      <c r="W74" s="114"/>
      <c r="X74" s="114"/>
      <c r="Y74" s="114"/>
      <c r="Z74" s="114"/>
      <c r="AA74" s="113"/>
    </row>
    <row r="75" spans="2:27" s="107" customFormat="1" ht="16.5" customHeight="1" x14ac:dyDescent="0.15">
      <c r="B75" s="112"/>
      <c r="C75" s="107" t="s">
        <v>283</v>
      </c>
      <c r="D75" s="116"/>
      <c r="E75" s="116"/>
      <c r="F75" s="116"/>
      <c r="G75" s="116"/>
      <c r="H75" s="116"/>
      <c r="I75" s="116"/>
      <c r="J75" s="116"/>
      <c r="K75" s="116"/>
      <c r="L75" s="114"/>
      <c r="M75" s="116"/>
      <c r="N75" s="116"/>
      <c r="O75" s="116"/>
      <c r="P75" s="116"/>
      <c r="Q75" s="116"/>
      <c r="R75" s="116"/>
      <c r="S75" s="116"/>
      <c r="T75" s="116"/>
      <c r="U75" s="116"/>
      <c r="V75" s="114"/>
      <c r="W75" s="114"/>
      <c r="X75" s="114"/>
      <c r="Y75" s="114"/>
      <c r="Z75" s="114"/>
      <c r="AA75" s="113"/>
    </row>
    <row r="76" spans="2:27" s="107" customFormat="1" ht="16.5" customHeight="1" x14ac:dyDescent="0.15">
      <c r="B76" s="112"/>
      <c r="C76" s="378" t="s">
        <v>276</v>
      </c>
      <c r="D76" s="379"/>
      <c r="E76" s="379"/>
      <c r="F76" s="380"/>
      <c r="G76" s="123" t="s">
        <v>284</v>
      </c>
      <c r="H76" s="124"/>
      <c r="I76" s="124"/>
      <c r="J76" s="124"/>
      <c r="K76" s="124"/>
      <c r="L76" s="124"/>
      <c r="M76" s="125"/>
      <c r="N76" s="123"/>
      <c r="O76" s="124"/>
      <c r="P76" s="124"/>
      <c r="Q76" s="124"/>
      <c r="R76" s="124"/>
      <c r="S76" s="124"/>
      <c r="T76" s="125"/>
      <c r="U76" s="116"/>
      <c r="V76" s="114"/>
      <c r="W76" s="114"/>
      <c r="X76" s="114"/>
      <c r="Y76" s="114"/>
      <c r="Z76" s="114"/>
      <c r="AA76" s="113"/>
    </row>
    <row r="77" spans="2:27" s="107" customFormat="1" ht="16.5" customHeight="1" x14ac:dyDescent="0.15">
      <c r="B77" s="112"/>
      <c r="C77" s="381" t="s">
        <v>285</v>
      </c>
      <c r="D77" s="382"/>
      <c r="E77" s="382"/>
      <c r="F77" s="383"/>
      <c r="G77" s="378"/>
      <c r="H77" s="379"/>
      <c r="I77" s="379"/>
      <c r="J77" s="379"/>
      <c r="K77" s="379"/>
      <c r="L77" s="379"/>
      <c r="M77" s="379"/>
      <c r="N77" s="379"/>
      <c r="O77" s="379"/>
      <c r="P77" s="379"/>
      <c r="Q77" s="379"/>
      <c r="R77" s="379"/>
      <c r="S77" s="379"/>
      <c r="T77" s="380"/>
      <c r="U77" s="116"/>
      <c r="V77" s="114"/>
      <c r="W77" s="114"/>
      <c r="X77" s="114"/>
      <c r="Y77" s="114"/>
      <c r="Z77" s="114"/>
      <c r="AA77" s="113"/>
    </row>
    <row r="78" spans="2:27" s="107" customFormat="1" ht="16.5" customHeight="1" x14ac:dyDescent="0.15">
      <c r="B78" s="112"/>
      <c r="C78" s="384" t="s">
        <v>286</v>
      </c>
      <c r="D78" s="384"/>
      <c r="E78" s="384"/>
      <c r="F78" s="384"/>
      <c r="G78" s="384"/>
      <c r="H78" s="384"/>
      <c r="I78" s="384"/>
      <c r="J78" s="384"/>
      <c r="K78" s="384"/>
      <c r="L78" s="384"/>
      <c r="M78" s="384"/>
      <c r="N78" s="384"/>
      <c r="O78" s="384"/>
      <c r="P78" s="384"/>
      <c r="Q78" s="384"/>
      <c r="R78" s="384"/>
      <c r="S78" s="384"/>
      <c r="T78" s="384"/>
      <c r="U78" s="384"/>
      <c r="V78" s="384"/>
      <c r="W78" s="384"/>
      <c r="X78" s="384"/>
      <c r="Y78" s="384"/>
      <c r="Z78" s="384"/>
      <c r="AA78" s="113"/>
    </row>
    <row r="79" spans="2:27" s="107" customFormat="1" ht="6" customHeight="1" x14ac:dyDescent="0.15">
      <c r="B79" s="112"/>
      <c r="C79" s="116"/>
      <c r="D79" s="116"/>
      <c r="E79" s="116"/>
      <c r="F79" s="116"/>
      <c r="G79" s="116"/>
      <c r="H79" s="116"/>
      <c r="I79" s="116"/>
      <c r="J79" s="116"/>
      <c r="K79" s="116"/>
      <c r="L79" s="114"/>
      <c r="M79" s="116"/>
      <c r="N79" s="116"/>
      <c r="O79" s="116"/>
      <c r="P79" s="116"/>
      <c r="Q79" s="116"/>
      <c r="R79" s="116"/>
      <c r="S79" s="116"/>
      <c r="T79" s="116"/>
      <c r="U79" s="116"/>
      <c r="V79" s="114"/>
      <c r="W79" s="114"/>
      <c r="X79" s="114"/>
      <c r="Y79" s="114"/>
      <c r="Z79" s="114"/>
      <c r="AA79" s="113"/>
    </row>
    <row r="80" spans="2:27" s="107" customFormat="1" ht="18.75" customHeight="1" x14ac:dyDescent="0.15">
      <c r="B80" s="112"/>
      <c r="C80" s="107" t="s">
        <v>287</v>
      </c>
      <c r="AA80" s="113"/>
    </row>
    <row r="81" spans="2:27" s="107" customFormat="1" ht="19.5" customHeight="1" x14ac:dyDescent="0.15">
      <c r="B81" s="112"/>
      <c r="C81" s="376" t="s">
        <v>245</v>
      </c>
      <c r="D81" s="376"/>
      <c r="E81" s="376"/>
      <c r="F81" s="376"/>
      <c r="G81" s="378" t="s">
        <v>262</v>
      </c>
      <c r="H81" s="379"/>
      <c r="I81" s="379"/>
      <c r="J81" s="379"/>
      <c r="K81" s="380"/>
      <c r="M81" s="376" t="s">
        <v>247</v>
      </c>
      <c r="N81" s="376"/>
      <c r="O81" s="376"/>
      <c r="P81" s="376"/>
      <c r="Q81" s="378" t="s">
        <v>262</v>
      </c>
      <c r="R81" s="379"/>
      <c r="S81" s="379"/>
      <c r="T81" s="379"/>
      <c r="U81" s="380"/>
      <c r="Y81" s="115"/>
      <c r="Z81" s="115"/>
      <c r="AA81" s="113"/>
    </row>
    <row r="82" spans="2:27" s="107" customFormat="1" ht="5.25" customHeight="1" x14ac:dyDescent="0.15">
      <c r="B82" s="112"/>
      <c r="AA82" s="113"/>
    </row>
    <row r="83" spans="2:27" s="107" customFormat="1" ht="19.5" customHeight="1" x14ac:dyDescent="0.15">
      <c r="B83" s="112"/>
      <c r="C83" s="107" t="s">
        <v>288</v>
      </c>
      <c r="D83" s="116"/>
      <c r="E83" s="116"/>
      <c r="F83" s="116"/>
      <c r="G83" s="116"/>
      <c r="H83" s="116"/>
      <c r="I83" s="116"/>
      <c r="J83" s="116"/>
      <c r="K83" s="116"/>
      <c r="L83" s="116"/>
      <c r="M83" s="116"/>
      <c r="N83" s="116"/>
      <c r="O83" s="116"/>
      <c r="Y83" s="115"/>
      <c r="Z83" s="115"/>
      <c r="AA83" s="113"/>
    </row>
    <row r="84" spans="2:27" s="107" customFormat="1" ht="19.5" customHeight="1" x14ac:dyDescent="0.15">
      <c r="B84" s="112"/>
      <c r="C84" s="376" t="s">
        <v>264</v>
      </c>
      <c r="D84" s="376"/>
      <c r="E84" s="376"/>
      <c r="F84" s="376"/>
      <c r="G84" s="376" t="s">
        <v>289</v>
      </c>
      <c r="H84" s="376"/>
      <c r="I84" s="376"/>
      <c r="J84" s="376"/>
      <c r="K84" s="376"/>
      <c r="L84" s="376" t="s">
        <v>290</v>
      </c>
      <c r="M84" s="376"/>
      <c r="N84" s="376"/>
      <c r="O84" s="376"/>
      <c r="P84" s="376"/>
      <c r="Q84" s="376" t="s">
        <v>291</v>
      </c>
      <c r="R84" s="376"/>
      <c r="S84" s="376"/>
      <c r="T84" s="376"/>
      <c r="U84" s="376"/>
      <c r="V84" s="376" t="s">
        <v>292</v>
      </c>
      <c r="W84" s="376"/>
      <c r="X84" s="376"/>
      <c r="Y84" s="376"/>
      <c r="Z84" s="376"/>
      <c r="AA84" s="113"/>
    </row>
    <row r="85" spans="2:27" s="107" customFormat="1" ht="19.5" customHeight="1" x14ac:dyDescent="0.15">
      <c r="B85" s="112"/>
      <c r="C85" s="378" t="s">
        <v>269</v>
      </c>
      <c r="D85" s="379"/>
      <c r="E85" s="379"/>
      <c r="F85" s="380"/>
      <c r="G85" s="378"/>
      <c r="H85" s="379"/>
      <c r="I85" s="379"/>
      <c r="J85" s="379"/>
      <c r="K85" s="380"/>
      <c r="L85" s="378"/>
      <c r="M85" s="379"/>
      <c r="N85" s="379"/>
      <c r="O85" s="379"/>
      <c r="P85" s="380"/>
      <c r="Q85" s="378"/>
      <c r="R85" s="379"/>
      <c r="S85" s="379"/>
      <c r="T85" s="379"/>
      <c r="U85" s="380"/>
      <c r="V85" s="378"/>
      <c r="W85" s="379"/>
      <c r="X85" s="379"/>
      <c r="Y85" s="379"/>
      <c r="Z85" s="380"/>
      <c r="AA85" s="113"/>
    </row>
    <row r="86" spans="2:27" s="107" customFormat="1" ht="5.25" customHeight="1" x14ac:dyDescent="0.15">
      <c r="B86" s="112"/>
      <c r="AA86" s="113"/>
    </row>
    <row r="87" spans="2:27" s="107" customFormat="1" ht="19.5" customHeight="1" x14ac:dyDescent="0.15">
      <c r="B87" s="112"/>
      <c r="C87" s="107" t="s">
        <v>293</v>
      </c>
      <c r="D87" s="116"/>
      <c r="E87" s="116"/>
      <c r="F87" s="116"/>
      <c r="G87" s="116"/>
      <c r="H87" s="116"/>
      <c r="I87" s="116"/>
      <c r="J87" s="116"/>
      <c r="K87" s="116"/>
      <c r="L87" s="116"/>
      <c r="M87" s="116"/>
      <c r="N87" s="116"/>
      <c r="O87" s="116"/>
      <c r="Y87" s="115"/>
      <c r="Z87" s="115"/>
      <c r="AA87" s="113"/>
    </row>
    <row r="88" spans="2:27" s="107" customFormat="1" ht="19.5" customHeight="1" x14ac:dyDescent="0.15">
      <c r="B88" s="112"/>
      <c r="C88" s="376" t="s">
        <v>264</v>
      </c>
      <c r="D88" s="376"/>
      <c r="E88" s="376"/>
      <c r="F88" s="376"/>
      <c r="G88" s="376" t="s">
        <v>289</v>
      </c>
      <c r="H88" s="376"/>
      <c r="I88" s="376"/>
      <c r="J88" s="376"/>
      <c r="K88" s="376"/>
      <c r="L88" s="376" t="s">
        <v>290</v>
      </c>
      <c r="M88" s="376"/>
      <c r="N88" s="376"/>
      <c r="O88" s="376"/>
      <c r="P88" s="376"/>
      <c r="Q88" s="376" t="s">
        <v>291</v>
      </c>
      <c r="R88" s="376"/>
      <c r="S88" s="376"/>
      <c r="T88" s="376"/>
      <c r="U88" s="376"/>
      <c r="V88" s="376" t="s">
        <v>292</v>
      </c>
      <c r="W88" s="376"/>
      <c r="X88" s="376"/>
      <c r="Y88" s="376"/>
      <c r="Z88" s="376"/>
      <c r="AA88" s="113"/>
    </row>
    <row r="89" spans="2:27" s="107" customFormat="1" ht="19.5" customHeight="1" x14ac:dyDescent="0.15">
      <c r="B89" s="112"/>
      <c r="C89" s="378" t="s">
        <v>269</v>
      </c>
      <c r="D89" s="379"/>
      <c r="E89" s="379"/>
      <c r="F89" s="380"/>
      <c r="G89" s="378"/>
      <c r="H89" s="379"/>
      <c r="I89" s="379"/>
      <c r="J89" s="379"/>
      <c r="K89" s="380"/>
      <c r="L89" s="378"/>
      <c r="M89" s="379"/>
      <c r="N89" s="379"/>
      <c r="O89" s="379"/>
      <c r="P89" s="380"/>
      <c r="Q89" s="378"/>
      <c r="R89" s="379"/>
      <c r="S89" s="379"/>
      <c r="T89" s="379"/>
      <c r="U89" s="380"/>
      <c r="V89" s="378"/>
      <c r="W89" s="379"/>
      <c r="X89" s="379"/>
      <c r="Y89" s="379"/>
      <c r="Z89" s="380"/>
      <c r="AA89" s="113"/>
    </row>
    <row r="90" spans="2:27" s="107" customFormat="1" ht="16.5" customHeight="1" x14ac:dyDescent="0.15">
      <c r="B90" s="112"/>
      <c r="C90" s="116"/>
      <c r="D90" s="126" t="s">
        <v>294</v>
      </c>
      <c r="E90" s="127"/>
      <c r="F90" s="127"/>
      <c r="G90" s="127"/>
      <c r="H90" s="127"/>
      <c r="I90" s="127"/>
      <c r="J90" s="127"/>
      <c r="K90" s="127"/>
      <c r="L90" s="127"/>
      <c r="M90" s="127"/>
      <c r="N90" s="127"/>
      <c r="O90" s="127"/>
      <c r="P90" s="127"/>
      <c r="Q90" s="127"/>
      <c r="R90" s="127"/>
      <c r="S90" s="127"/>
      <c r="T90" s="127"/>
      <c r="U90" s="128"/>
      <c r="V90" s="116"/>
      <c r="W90" s="116"/>
      <c r="X90" s="116"/>
      <c r="Y90" s="116"/>
      <c r="Z90" s="116"/>
      <c r="AA90" s="113"/>
    </row>
    <row r="91" spans="2:27" ht="6" customHeight="1" x14ac:dyDescent="0.15">
      <c r="B91" s="129"/>
      <c r="C91" s="130"/>
      <c r="D91" s="130"/>
      <c r="E91" s="130"/>
      <c r="F91" s="130"/>
      <c r="G91" s="130"/>
      <c r="H91" s="130"/>
      <c r="I91" s="130"/>
      <c r="J91" s="130"/>
      <c r="K91" s="130"/>
      <c r="L91" s="130"/>
      <c r="M91" s="130"/>
      <c r="N91" s="130"/>
      <c r="O91" s="130"/>
      <c r="P91" s="130"/>
      <c r="Q91" s="130"/>
      <c r="R91" s="130"/>
      <c r="S91" s="130"/>
      <c r="T91" s="130"/>
      <c r="U91" s="130"/>
      <c r="V91" s="130"/>
      <c r="W91" s="130"/>
      <c r="X91" s="130"/>
      <c r="Y91" s="130"/>
      <c r="Z91" s="130"/>
      <c r="AA91" s="131"/>
    </row>
    <row r="92" spans="2:27" s="107" customFormat="1" ht="19.5" customHeight="1" x14ac:dyDescent="0.15">
      <c r="B92" s="112"/>
      <c r="C92" s="107" t="s">
        <v>295</v>
      </c>
      <c r="D92" s="116"/>
      <c r="E92" s="116"/>
      <c r="F92" s="116"/>
      <c r="G92" s="116"/>
      <c r="H92" s="116"/>
      <c r="I92" s="116"/>
      <c r="J92" s="116"/>
      <c r="K92" s="116"/>
      <c r="L92" s="116"/>
      <c r="M92" s="116"/>
      <c r="N92" s="116"/>
      <c r="O92" s="116"/>
      <c r="Y92" s="115"/>
      <c r="Z92" s="115"/>
      <c r="AA92" s="113"/>
    </row>
    <row r="93" spans="2:27" s="107" customFormat="1" ht="19.5" customHeight="1" x14ac:dyDescent="0.15">
      <c r="B93" s="112"/>
      <c r="C93" s="376" t="s">
        <v>264</v>
      </c>
      <c r="D93" s="376"/>
      <c r="E93" s="376"/>
      <c r="F93" s="376"/>
      <c r="G93" s="377" t="s">
        <v>296</v>
      </c>
      <c r="H93" s="377"/>
      <c r="I93" s="377"/>
      <c r="J93" s="377"/>
      <c r="K93" s="377"/>
      <c r="L93" s="376" t="s">
        <v>297</v>
      </c>
      <c r="M93" s="376"/>
      <c r="N93" s="376"/>
      <c r="O93" s="376"/>
      <c r="P93" s="376"/>
      <c r="Q93" s="376" t="s">
        <v>298</v>
      </c>
      <c r="R93" s="376"/>
      <c r="S93" s="376"/>
      <c r="T93" s="376"/>
      <c r="U93" s="376"/>
      <c r="V93" s="114"/>
      <c r="W93" s="114"/>
      <c r="X93" s="114"/>
      <c r="Y93" s="114"/>
      <c r="Z93" s="114"/>
      <c r="AA93" s="113"/>
    </row>
    <row r="94" spans="2:27" s="136" customFormat="1" ht="18" customHeight="1" x14ac:dyDescent="0.15">
      <c r="B94" s="133"/>
      <c r="C94" s="367" t="s">
        <v>299</v>
      </c>
      <c r="D94" s="368"/>
      <c r="E94" s="368"/>
      <c r="F94" s="369"/>
      <c r="G94" s="370" t="s">
        <v>220</v>
      </c>
      <c r="H94" s="371"/>
      <c r="I94" s="371"/>
      <c r="J94" s="371"/>
      <c r="K94" s="372"/>
      <c r="L94" s="370" t="s">
        <v>220</v>
      </c>
      <c r="M94" s="371"/>
      <c r="N94" s="371"/>
      <c r="O94" s="371"/>
      <c r="P94" s="372"/>
      <c r="Q94" s="370" t="s">
        <v>220</v>
      </c>
      <c r="R94" s="371"/>
      <c r="S94" s="371"/>
      <c r="T94" s="371"/>
      <c r="U94" s="372"/>
      <c r="V94" s="134"/>
      <c r="W94" s="134"/>
      <c r="X94" s="134"/>
      <c r="Y94" s="134"/>
      <c r="Z94" s="134"/>
      <c r="AA94" s="135"/>
    </row>
    <row r="95" spans="2:27" s="107" customFormat="1" ht="17.25" customHeight="1" x14ac:dyDescent="0.15">
      <c r="B95" s="112"/>
      <c r="C95" s="373" t="s">
        <v>300</v>
      </c>
      <c r="D95" s="374"/>
      <c r="E95" s="374"/>
      <c r="F95" s="375"/>
      <c r="G95" s="370" t="s">
        <v>220</v>
      </c>
      <c r="H95" s="371"/>
      <c r="I95" s="371"/>
      <c r="J95" s="371"/>
      <c r="K95" s="372"/>
      <c r="L95" s="370" t="s">
        <v>220</v>
      </c>
      <c r="M95" s="371"/>
      <c r="N95" s="371"/>
      <c r="O95" s="371"/>
      <c r="P95" s="372"/>
      <c r="Q95" s="370" t="s">
        <v>220</v>
      </c>
      <c r="R95" s="371"/>
      <c r="S95" s="371"/>
      <c r="T95" s="371"/>
      <c r="U95" s="372"/>
      <c r="V95" s="114"/>
      <c r="W95" s="114"/>
      <c r="X95" s="114"/>
      <c r="Y95" s="114"/>
      <c r="Z95" s="114"/>
      <c r="AA95" s="113"/>
    </row>
    <row r="96" spans="2:27" s="107" customFormat="1" ht="3.75" customHeight="1" x14ac:dyDescent="0.15">
      <c r="B96" s="112"/>
      <c r="C96" s="137"/>
      <c r="D96" s="137"/>
      <c r="E96" s="137"/>
      <c r="F96" s="137"/>
      <c r="G96" s="119"/>
      <c r="H96" s="119"/>
      <c r="I96" s="119"/>
      <c r="J96" s="119"/>
      <c r="K96" s="119"/>
      <c r="L96" s="119"/>
      <c r="M96" s="119"/>
      <c r="N96" s="119"/>
      <c r="O96" s="119"/>
      <c r="P96" s="119"/>
      <c r="Q96" s="119"/>
      <c r="R96" s="119"/>
      <c r="S96" s="119"/>
      <c r="T96" s="119"/>
      <c r="U96" s="119"/>
      <c r="V96" s="114"/>
      <c r="W96" s="114"/>
      <c r="X96" s="114"/>
      <c r="Y96" s="114"/>
      <c r="Z96" s="114"/>
      <c r="AA96" s="113"/>
    </row>
    <row r="97" spans="2:27" s="107" customFormat="1" ht="19.5" customHeight="1" x14ac:dyDescent="0.15">
      <c r="B97" s="112"/>
      <c r="C97" s="107" t="s">
        <v>301</v>
      </c>
      <c r="D97" s="116"/>
      <c r="E97" s="116"/>
      <c r="F97" s="116"/>
      <c r="G97" s="116"/>
      <c r="H97" s="116"/>
      <c r="I97" s="116"/>
      <c r="J97" s="116"/>
      <c r="K97" s="116"/>
      <c r="L97" s="116"/>
      <c r="M97" s="116"/>
      <c r="N97" s="116"/>
      <c r="O97" s="116"/>
      <c r="Y97" s="115"/>
      <c r="Z97" s="115"/>
      <c r="AA97" s="113"/>
    </row>
    <row r="98" spans="2:27" s="107" customFormat="1" ht="19.5" customHeight="1" x14ac:dyDescent="0.15">
      <c r="B98" s="112"/>
      <c r="C98" s="376" t="s">
        <v>264</v>
      </c>
      <c r="D98" s="376"/>
      <c r="E98" s="376"/>
      <c r="F98" s="376"/>
      <c r="G98" s="377" t="s">
        <v>296</v>
      </c>
      <c r="H98" s="377"/>
      <c r="I98" s="377"/>
      <c r="J98" s="377"/>
      <c r="K98" s="377"/>
      <c r="L98" s="376" t="s">
        <v>297</v>
      </c>
      <c r="M98" s="376"/>
      <c r="N98" s="376"/>
      <c r="O98" s="376"/>
      <c r="P98" s="376"/>
      <c r="Q98" s="376" t="s">
        <v>298</v>
      </c>
      <c r="R98" s="376"/>
      <c r="S98" s="376"/>
      <c r="T98" s="376"/>
      <c r="U98" s="376"/>
      <c r="V98" s="114"/>
      <c r="W98" s="114"/>
      <c r="X98" s="114"/>
      <c r="Y98" s="114"/>
      <c r="Z98" s="114"/>
      <c r="AA98" s="113"/>
    </row>
    <row r="99" spans="2:27" s="136" customFormat="1" ht="18" customHeight="1" x14ac:dyDescent="0.15">
      <c r="B99" s="133"/>
      <c r="C99" s="367" t="s">
        <v>299</v>
      </c>
      <c r="D99" s="368"/>
      <c r="E99" s="368"/>
      <c r="F99" s="369"/>
      <c r="G99" s="370" t="s">
        <v>220</v>
      </c>
      <c r="H99" s="371"/>
      <c r="I99" s="371"/>
      <c r="J99" s="371"/>
      <c r="K99" s="372"/>
      <c r="L99" s="370" t="s">
        <v>220</v>
      </c>
      <c r="M99" s="371"/>
      <c r="N99" s="371"/>
      <c r="O99" s="371"/>
      <c r="P99" s="372"/>
      <c r="Q99" s="370" t="s">
        <v>220</v>
      </c>
      <c r="R99" s="371"/>
      <c r="S99" s="371"/>
      <c r="T99" s="371"/>
      <c r="U99" s="372"/>
      <c r="V99" s="134"/>
      <c r="W99" s="134"/>
      <c r="X99" s="134"/>
      <c r="Y99" s="134"/>
      <c r="Z99" s="134"/>
      <c r="AA99" s="135"/>
    </row>
    <row r="100" spans="2:27" s="107" customFormat="1" ht="17.25" customHeight="1" x14ac:dyDescent="0.15">
      <c r="B100" s="112"/>
      <c r="C100" s="373" t="s">
        <v>300</v>
      </c>
      <c r="D100" s="374"/>
      <c r="E100" s="374"/>
      <c r="F100" s="375"/>
      <c r="G100" s="370" t="s">
        <v>220</v>
      </c>
      <c r="H100" s="371"/>
      <c r="I100" s="371"/>
      <c r="J100" s="371"/>
      <c r="K100" s="372"/>
      <c r="L100" s="370" t="s">
        <v>220</v>
      </c>
      <c r="M100" s="371"/>
      <c r="N100" s="371"/>
      <c r="O100" s="371"/>
      <c r="P100" s="372"/>
      <c r="Q100" s="370" t="s">
        <v>220</v>
      </c>
      <c r="R100" s="371"/>
      <c r="S100" s="371"/>
      <c r="T100" s="371"/>
      <c r="U100" s="372"/>
      <c r="V100" s="114"/>
      <c r="W100" s="114"/>
      <c r="X100" s="114"/>
      <c r="Y100" s="114"/>
      <c r="Z100" s="114"/>
      <c r="AA100" s="113"/>
    </row>
    <row r="101" spans="2:27" s="107" customFormat="1" ht="3.75" customHeight="1" x14ac:dyDescent="0.15">
      <c r="B101" s="112"/>
      <c r="C101" s="137"/>
      <c r="D101" s="137"/>
      <c r="E101" s="137"/>
      <c r="F101" s="137"/>
      <c r="G101" s="119"/>
      <c r="H101" s="119"/>
      <c r="I101" s="119"/>
      <c r="J101" s="119"/>
      <c r="K101" s="119"/>
      <c r="L101" s="119"/>
      <c r="M101" s="119"/>
      <c r="N101" s="119"/>
      <c r="O101" s="119"/>
      <c r="P101" s="119"/>
      <c r="Q101" s="119"/>
      <c r="R101" s="119"/>
      <c r="S101" s="119"/>
      <c r="T101" s="119"/>
      <c r="U101" s="119"/>
      <c r="V101" s="114"/>
      <c r="W101" s="114"/>
      <c r="X101" s="114"/>
      <c r="Y101" s="114"/>
      <c r="Z101" s="114"/>
      <c r="AA101" s="113"/>
    </row>
    <row r="102" spans="2:27" s="107" customFormat="1" ht="16.5" customHeight="1" x14ac:dyDescent="0.15">
      <c r="B102" s="112"/>
      <c r="C102" s="116"/>
      <c r="D102" s="120" t="s">
        <v>294</v>
      </c>
      <c r="E102" s="117"/>
      <c r="F102" s="117"/>
      <c r="G102" s="117"/>
      <c r="H102" s="117"/>
      <c r="I102" s="117"/>
      <c r="J102" s="117"/>
      <c r="K102" s="117"/>
      <c r="L102" s="117"/>
      <c r="M102" s="117"/>
      <c r="N102" s="117"/>
      <c r="O102" s="117"/>
      <c r="P102" s="117"/>
      <c r="Q102" s="117"/>
      <c r="R102" s="117"/>
      <c r="S102" s="117"/>
      <c r="T102" s="117"/>
      <c r="U102" s="118"/>
      <c r="V102" s="116"/>
      <c r="W102" s="116"/>
      <c r="X102" s="116"/>
      <c r="Y102" s="116"/>
      <c r="Z102" s="116"/>
      <c r="AA102" s="113"/>
    </row>
    <row r="103" spans="2:27" ht="6" customHeight="1" x14ac:dyDescent="0.15">
      <c r="B103" s="138"/>
      <c r="C103" s="139"/>
      <c r="D103" s="139"/>
      <c r="E103" s="139"/>
      <c r="F103" s="139"/>
      <c r="G103" s="139"/>
      <c r="H103" s="139"/>
      <c r="I103" s="139"/>
      <c r="J103" s="139"/>
      <c r="K103" s="139"/>
      <c r="L103" s="139"/>
      <c r="M103" s="139"/>
      <c r="N103" s="139"/>
      <c r="O103" s="139"/>
      <c r="P103" s="139"/>
      <c r="Q103" s="139"/>
      <c r="R103" s="139"/>
      <c r="S103" s="139"/>
      <c r="T103" s="139"/>
      <c r="U103" s="139"/>
      <c r="V103" s="139"/>
      <c r="W103" s="139"/>
      <c r="X103" s="139"/>
      <c r="Y103" s="139"/>
      <c r="Z103" s="139"/>
      <c r="AA103" s="140"/>
    </row>
    <row r="104" spans="2:27" s="107" customFormat="1" ht="7.5" customHeight="1" x14ac:dyDescent="0.15"/>
    <row r="105" spans="2:27" ht="22.9" customHeight="1" x14ac:dyDescent="0.15">
      <c r="B105" s="366" t="s">
        <v>302</v>
      </c>
      <c r="C105" s="366"/>
      <c r="D105" s="366"/>
      <c r="E105" s="366"/>
      <c r="F105" s="366"/>
      <c r="G105" s="366"/>
      <c r="H105" s="366"/>
      <c r="I105" s="366"/>
      <c r="J105" s="366"/>
      <c r="K105" s="366"/>
      <c r="L105" s="366"/>
      <c r="M105" s="366"/>
      <c r="N105" s="366"/>
      <c r="O105" s="366"/>
      <c r="P105" s="366"/>
      <c r="Q105" s="366"/>
      <c r="R105" s="366"/>
      <c r="S105" s="366"/>
      <c r="T105" s="366"/>
      <c r="U105" s="366"/>
      <c r="V105" s="366"/>
      <c r="W105" s="366"/>
      <c r="X105" s="366"/>
      <c r="Y105" s="366"/>
      <c r="Z105" s="366"/>
    </row>
    <row r="106" spans="2:27" ht="15.75" customHeight="1" x14ac:dyDescent="0.15">
      <c r="B106" s="136" t="s">
        <v>303</v>
      </c>
      <c r="D106" s="141"/>
    </row>
    <row r="107" spans="2:27" ht="8.25" customHeight="1" x14ac:dyDescent="0.15">
      <c r="B107" s="142"/>
      <c r="D107" s="141"/>
    </row>
    <row r="108" spans="2:27" x14ac:dyDescent="0.15">
      <c r="B108" s="142"/>
      <c r="D108" s="141"/>
    </row>
    <row r="109" spans="2:27" x14ac:dyDescent="0.15">
      <c r="B109" s="142"/>
      <c r="D109" s="141"/>
    </row>
  </sheetData>
  <mergeCells count="145">
    <mergeCell ref="B4:AB4"/>
    <mergeCell ref="B6:F6"/>
    <mergeCell ref="G6:AA6"/>
    <mergeCell ref="C10:F10"/>
    <mergeCell ref="G10:P10"/>
    <mergeCell ref="C13:F13"/>
    <mergeCell ref="G13:K13"/>
    <mergeCell ref="M13:P13"/>
    <mergeCell ref="Q13:U13"/>
    <mergeCell ref="C16:F16"/>
    <mergeCell ref="G16:K16"/>
    <mergeCell ref="L16:P16"/>
    <mergeCell ref="Q16:U16"/>
    <mergeCell ref="V16:Z16"/>
    <mergeCell ref="C17:F17"/>
    <mergeCell ref="G17:K17"/>
    <mergeCell ref="L17:P17"/>
    <mergeCell ref="Q17:U17"/>
    <mergeCell ref="V17:Z17"/>
    <mergeCell ref="C23:F23"/>
    <mergeCell ref="G23:K23"/>
    <mergeCell ref="L23:P23"/>
    <mergeCell ref="Q23:U23"/>
    <mergeCell ref="V23:Z23"/>
    <mergeCell ref="L25:P25"/>
    <mergeCell ref="L19:P19"/>
    <mergeCell ref="C22:F22"/>
    <mergeCell ref="G22:K22"/>
    <mergeCell ref="L22:P22"/>
    <mergeCell ref="Q22:U22"/>
    <mergeCell ref="V22:Z22"/>
    <mergeCell ref="C28:F28"/>
    <mergeCell ref="G28:K28"/>
    <mergeCell ref="L28:P28"/>
    <mergeCell ref="Q28:U28"/>
    <mergeCell ref="V28:Z28"/>
    <mergeCell ref="C29:F29"/>
    <mergeCell ref="G29:K29"/>
    <mergeCell ref="L29:P29"/>
    <mergeCell ref="Q29:U29"/>
    <mergeCell ref="V29:Z29"/>
    <mergeCell ref="C35:F35"/>
    <mergeCell ref="G35:K35"/>
    <mergeCell ref="L35:P35"/>
    <mergeCell ref="Q35:U35"/>
    <mergeCell ref="V35:Z35"/>
    <mergeCell ref="L37:P37"/>
    <mergeCell ref="L31:P31"/>
    <mergeCell ref="C34:F34"/>
    <mergeCell ref="G34:K34"/>
    <mergeCell ref="L34:P34"/>
    <mergeCell ref="Q34:U34"/>
    <mergeCell ref="V34:Z34"/>
    <mergeCell ref="V45:Z45"/>
    <mergeCell ref="C46:F46"/>
    <mergeCell ref="G46:K46"/>
    <mergeCell ref="L46:P46"/>
    <mergeCell ref="Q46:U46"/>
    <mergeCell ref="V46:Z46"/>
    <mergeCell ref="D39:S39"/>
    <mergeCell ref="C42:F42"/>
    <mergeCell ref="G42:K42"/>
    <mergeCell ref="M42:P42"/>
    <mergeCell ref="Q42:U42"/>
    <mergeCell ref="C45:F45"/>
    <mergeCell ref="G45:K45"/>
    <mergeCell ref="L45:P45"/>
    <mergeCell ref="Q45:U45"/>
    <mergeCell ref="C55:Z56"/>
    <mergeCell ref="C59:Z60"/>
    <mergeCell ref="C65:F65"/>
    <mergeCell ref="G65:K65"/>
    <mergeCell ref="L65:P65"/>
    <mergeCell ref="C66:F66"/>
    <mergeCell ref="G66:K66"/>
    <mergeCell ref="L66:P66"/>
    <mergeCell ref="C49:F49"/>
    <mergeCell ref="G49:K49"/>
    <mergeCell ref="L49:P49"/>
    <mergeCell ref="Q49:U49"/>
    <mergeCell ref="V49:Z49"/>
    <mergeCell ref="C50:F50"/>
    <mergeCell ref="G50:K50"/>
    <mergeCell ref="L50:P50"/>
    <mergeCell ref="Q50:U50"/>
    <mergeCell ref="V50:Z50"/>
    <mergeCell ref="C76:F76"/>
    <mergeCell ref="C77:F77"/>
    <mergeCell ref="G77:T77"/>
    <mergeCell ref="C78:Z78"/>
    <mergeCell ref="C81:F81"/>
    <mergeCell ref="G81:K81"/>
    <mergeCell ref="M81:P81"/>
    <mergeCell ref="Q81:U81"/>
    <mergeCell ref="C68:F68"/>
    <mergeCell ref="G68:K68"/>
    <mergeCell ref="L68:P68"/>
    <mergeCell ref="C69:F69"/>
    <mergeCell ref="G69:K69"/>
    <mergeCell ref="L69:P69"/>
    <mergeCell ref="C84:F84"/>
    <mergeCell ref="G84:K84"/>
    <mergeCell ref="L84:P84"/>
    <mergeCell ref="Q84:U84"/>
    <mergeCell ref="V84:Z84"/>
    <mergeCell ref="C85:F85"/>
    <mergeCell ref="G85:K85"/>
    <mergeCell ref="L85:P85"/>
    <mergeCell ref="Q85:U85"/>
    <mergeCell ref="V85:Z85"/>
    <mergeCell ref="C88:F88"/>
    <mergeCell ref="G88:K88"/>
    <mergeCell ref="L88:P88"/>
    <mergeCell ref="Q88:U88"/>
    <mergeCell ref="V88:Z88"/>
    <mergeCell ref="C89:F89"/>
    <mergeCell ref="G89:K89"/>
    <mergeCell ref="L89:P89"/>
    <mergeCell ref="Q89:U89"/>
    <mergeCell ref="V89:Z89"/>
    <mergeCell ref="C95:F95"/>
    <mergeCell ref="G95:K95"/>
    <mergeCell ref="L95:P95"/>
    <mergeCell ref="Q95:U95"/>
    <mergeCell ref="C98:F98"/>
    <mergeCell ref="G98:K98"/>
    <mergeCell ref="L98:P98"/>
    <mergeCell ref="Q98:U98"/>
    <mergeCell ref="C93:F93"/>
    <mergeCell ref="G93:K93"/>
    <mergeCell ref="L93:P93"/>
    <mergeCell ref="Q93:U93"/>
    <mergeCell ref="C94:F94"/>
    <mergeCell ref="G94:K94"/>
    <mergeCell ref="L94:P94"/>
    <mergeCell ref="Q94:U94"/>
    <mergeCell ref="B105:Z105"/>
    <mergeCell ref="C99:F99"/>
    <mergeCell ref="G99:K99"/>
    <mergeCell ref="L99:P99"/>
    <mergeCell ref="Q99:U99"/>
    <mergeCell ref="C100:F100"/>
    <mergeCell ref="G100:K100"/>
    <mergeCell ref="L100:P100"/>
    <mergeCell ref="Q100:U100"/>
  </mergeCells>
  <phoneticPr fontId="3"/>
  <pageMargins left="0.7" right="0.7" top="0.75" bottom="0.75" header="0.3" footer="0.3"/>
  <pageSetup paperSize="9" scale="92" orientation="portrait" verticalDpi="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zoomScale="90" zoomScaleNormal="100" zoomScaleSheetLayoutView="90" workbookViewId="0">
      <selection activeCell="B4" sqref="B4:Y4"/>
    </sheetView>
  </sheetViews>
  <sheetFormatPr defaultColWidth="4" defaultRowHeight="13.5" x14ac:dyDescent="0.15"/>
  <cols>
    <col min="1" max="1" width="1.5" style="34" customWidth="1"/>
    <col min="2" max="2" width="1.125" style="34" customWidth="1"/>
    <col min="3" max="3" width="3.375" style="34" customWidth="1"/>
    <col min="4" max="4" width="3.25" style="34" customWidth="1"/>
    <col min="5" max="18" width="4" style="34"/>
    <col min="19" max="19" width="6.375" style="34" customWidth="1"/>
    <col min="20" max="20" width="1.75" style="34" customWidth="1"/>
    <col min="21" max="21" width="2.375" style="34" customWidth="1"/>
    <col min="22" max="22" width="4" style="34"/>
    <col min="23" max="23" width="2.25" style="34" customWidth="1"/>
    <col min="24" max="24" width="4" style="34"/>
    <col min="25" max="25" width="2.375" style="34" customWidth="1"/>
    <col min="26" max="26" width="1.5" style="34" customWidth="1"/>
    <col min="27" max="16384" width="4" style="34"/>
  </cols>
  <sheetData>
    <row r="2" spans="2:28" x14ac:dyDescent="0.15">
      <c r="B2" s="34" t="s">
        <v>314</v>
      </c>
      <c r="C2"/>
      <c r="D2"/>
      <c r="E2"/>
      <c r="F2"/>
      <c r="G2"/>
      <c r="H2"/>
      <c r="I2"/>
      <c r="J2"/>
      <c r="K2"/>
      <c r="L2"/>
      <c r="M2"/>
      <c r="N2"/>
      <c r="O2"/>
      <c r="P2"/>
      <c r="Q2"/>
      <c r="R2"/>
      <c r="S2"/>
      <c r="T2"/>
      <c r="U2"/>
      <c r="V2"/>
      <c r="W2"/>
      <c r="X2"/>
      <c r="Y2"/>
    </row>
    <row r="4" spans="2:28" x14ac:dyDescent="0.15">
      <c r="B4" s="302" t="s">
        <v>315</v>
      </c>
      <c r="C4" s="302"/>
      <c r="D4" s="302"/>
      <c r="E4" s="302"/>
      <c r="F4" s="302"/>
      <c r="G4" s="302"/>
      <c r="H4" s="302"/>
      <c r="I4" s="302"/>
      <c r="J4" s="302"/>
      <c r="K4" s="302"/>
      <c r="L4" s="302"/>
      <c r="M4" s="302"/>
      <c r="N4" s="302"/>
      <c r="O4" s="302"/>
      <c r="P4" s="302"/>
      <c r="Q4" s="302"/>
      <c r="R4" s="302"/>
      <c r="S4" s="302"/>
      <c r="T4" s="302"/>
      <c r="U4" s="302"/>
      <c r="V4" s="302"/>
      <c r="W4" s="302"/>
      <c r="X4" s="302"/>
      <c r="Y4" s="302"/>
    </row>
    <row r="6" spans="2:28" ht="23.25" customHeight="1" x14ac:dyDescent="0.15">
      <c r="B6" s="307" t="s">
        <v>15</v>
      </c>
      <c r="C6" s="307"/>
      <c r="D6" s="307"/>
      <c r="E6" s="307"/>
      <c r="F6" s="307"/>
      <c r="G6" s="308"/>
      <c r="H6" s="309"/>
      <c r="I6" s="309"/>
      <c r="J6" s="309"/>
      <c r="K6" s="309"/>
      <c r="L6" s="309"/>
      <c r="M6" s="309"/>
      <c r="N6" s="309"/>
      <c r="O6" s="309"/>
      <c r="P6" s="309"/>
      <c r="Q6" s="309"/>
      <c r="R6" s="309"/>
      <c r="S6" s="309"/>
      <c r="T6" s="309"/>
      <c r="U6" s="309"/>
      <c r="V6" s="309"/>
      <c r="W6" s="309"/>
      <c r="X6" s="309"/>
      <c r="Y6" s="310"/>
    </row>
    <row r="7" spans="2:28" ht="22.5" customHeight="1" x14ac:dyDescent="0.15">
      <c r="B7" s="307" t="s">
        <v>16</v>
      </c>
      <c r="C7" s="307"/>
      <c r="D7" s="307"/>
      <c r="E7" s="307"/>
      <c r="F7" s="307"/>
      <c r="G7" s="15" t="s">
        <v>0</v>
      </c>
      <c r="H7" s="27" t="s">
        <v>17</v>
      </c>
      <c r="I7" s="27"/>
      <c r="J7" s="27"/>
      <c r="K7" s="27"/>
      <c r="L7" s="15" t="s">
        <v>0</v>
      </c>
      <c r="M7" s="27" t="s">
        <v>18</v>
      </c>
      <c r="N7" s="27"/>
      <c r="O7" s="27"/>
      <c r="P7" s="27"/>
      <c r="Q7" s="15" t="s">
        <v>0</v>
      </c>
      <c r="R7" s="27" t="s">
        <v>19</v>
      </c>
      <c r="S7" s="27"/>
      <c r="T7" s="27"/>
      <c r="U7" s="27"/>
      <c r="V7" s="27"/>
      <c r="W7" s="28"/>
      <c r="X7" s="28"/>
      <c r="Y7" s="29"/>
    </row>
    <row r="8" spans="2:28" ht="20.100000000000001" customHeight="1" x14ac:dyDescent="0.15">
      <c r="B8" s="298" t="s">
        <v>316</v>
      </c>
      <c r="C8" s="299"/>
      <c r="D8" s="299"/>
      <c r="E8" s="299"/>
      <c r="F8" s="300"/>
      <c r="G8" s="13" t="s">
        <v>0</v>
      </c>
      <c r="H8" s="327" t="s">
        <v>317</v>
      </c>
      <c r="I8" s="327"/>
      <c r="J8" s="327"/>
      <c r="K8" s="327"/>
      <c r="L8" s="327"/>
      <c r="M8" s="327"/>
      <c r="N8" s="327"/>
      <c r="O8" s="327"/>
      <c r="P8" s="327"/>
      <c r="Q8" s="327"/>
      <c r="R8" s="327"/>
      <c r="S8" s="327"/>
      <c r="T8" s="327"/>
      <c r="U8" s="327"/>
      <c r="V8" s="327"/>
      <c r="W8" s="327"/>
      <c r="X8" s="327"/>
      <c r="Y8" s="328"/>
    </row>
    <row r="9" spans="2:28" ht="20.100000000000001" customHeight="1" x14ac:dyDescent="0.15">
      <c r="B9" s="301"/>
      <c r="C9" s="302"/>
      <c r="D9" s="302"/>
      <c r="E9" s="302"/>
      <c r="F9" s="303"/>
      <c r="G9" s="13" t="s">
        <v>0</v>
      </c>
      <c r="H9" s="356" t="s">
        <v>318</v>
      </c>
      <c r="I9" s="356"/>
      <c r="J9" s="356"/>
      <c r="K9" s="356"/>
      <c r="L9" s="356"/>
      <c r="M9" s="356"/>
      <c r="N9" s="356"/>
      <c r="O9" s="356"/>
      <c r="P9" s="356"/>
      <c r="Q9" s="356"/>
      <c r="R9" s="356"/>
      <c r="S9" s="356"/>
      <c r="T9" s="356"/>
      <c r="U9" s="356"/>
      <c r="V9" s="356"/>
      <c r="W9" s="356"/>
      <c r="X9" s="356"/>
      <c r="Y9" s="411"/>
    </row>
    <row r="10" spans="2:28" ht="20.100000000000001" customHeight="1" x14ac:dyDescent="0.15">
      <c r="B10" s="304"/>
      <c r="C10" s="305"/>
      <c r="D10" s="305"/>
      <c r="E10" s="305"/>
      <c r="F10" s="306"/>
      <c r="G10" s="10" t="s">
        <v>0</v>
      </c>
      <c r="H10" s="330" t="s">
        <v>319</v>
      </c>
      <c r="I10" s="330"/>
      <c r="J10" s="330"/>
      <c r="K10" s="330"/>
      <c r="L10" s="330"/>
      <c r="M10" s="330"/>
      <c r="N10" s="330"/>
      <c r="O10" s="330"/>
      <c r="P10" s="330"/>
      <c r="Q10" s="330"/>
      <c r="R10" s="330"/>
      <c r="S10" s="330"/>
      <c r="T10" s="330"/>
      <c r="U10" s="330"/>
      <c r="V10" s="330"/>
      <c r="W10" s="330"/>
      <c r="X10" s="330"/>
      <c r="Y10" s="331"/>
    </row>
    <row r="11" spans="2:28" ht="17.25" customHeight="1" x14ac:dyDescent="0.15">
      <c r="B11" s="298" t="s">
        <v>32</v>
      </c>
      <c r="C11" s="299"/>
      <c r="D11" s="299"/>
      <c r="E11" s="299"/>
      <c r="F11" s="300"/>
      <c r="G11" s="38" t="s">
        <v>0</v>
      </c>
      <c r="H11" s="327" t="s">
        <v>320</v>
      </c>
      <c r="I11" s="327"/>
      <c r="J11" s="327"/>
      <c r="K11" s="327"/>
      <c r="L11" s="327"/>
      <c r="M11" s="327"/>
      <c r="N11" s="327"/>
      <c r="O11" s="327"/>
      <c r="P11" s="327"/>
      <c r="Q11" s="327"/>
      <c r="R11" s="327"/>
      <c r="S11" s="327"/>
      <c r="T11" s="327"/>
      <c r="U11" s="327"/>
      <c r="V11" s="327"/>
      <c r="W11" s="327"/>
      <c r="X11" s="327"/>
      <c r="Y11" s="328"/>
    </row>
    <row r="12" spans="2:28" ht="18.75" customHeight="1" x14ac:dyDescent="0.15">
      <c r="B12" s="304"/>
      <c r="C12" s="305"/>
      <c r="D12" s="305"/>
      <c r="E12" s="305"/>
      <c r="F12" s="306"/>
      <c r="G12" s="10" t="s">
        <v>0</v>
      </c>
      <c r="H12" s="330" t="s">
        <v>321</v>
      </c>
      <c r="I12" s="330"/>
      <c r="J12" s="330"/>
      <c r="K12" s="330"/>
      <c r="L12" s="330"/>
      <c r="M12" s="330"/>
      <c r="N12" s="330"/>
      <c r="O12" s="330"/>
      <c r="P12" s="330"/>
      <c r="Q12" s="330"/>
      <c r="R12" s="330"/>
      <c r="S12" s="330"/>
      <c r="T12" s="330"/>
      <c r="U12" s="330"/>
      <c r="V12" s="330"/>
      <c r="W12" s="330"/>
      <c r="X12" s="330"/>
      <c r="Y12" s="331"/>
    </row>
    <row r="13" spans="2:28" ht="6" customHeight="1" x14ac:dyDescent="0.15"/>
    <row r="14" spans="2:28" x14ac:dyDescent="0.15">
      <c r="B14" s="34" t="s">
        <v>322</v>
      </c>
    </row>
    <row r="15" spans="2:28" x14ac:dyDescent="0.15">
      <c r="B15" s="30"/>
      <c r="C15" s="31" t="s">
        <v>323</v>
      </c>
      <c r="D15" s="31"/>
      <c r="E15" s="31"/>
      <c r="F15" s="31"/>
      <c r="G15" s="31"/>
      <c r="H15" s="31"/>
      <c r="I15" s="31"/>
      <c r="J15" s="31"/>
      <c r="K15" s="31"/>
      <c r="L15" s="31"/>
      <c r="M15" s="31"/>
      <c r="N15" s="31"/>
      <c r="O15" s="31"/>
      <c r="P15" s="31"/>
      <c r="Q15" s="31"/>
      <c r="R15" s="31"/>
      <c r="S15" s="31"/>
      <c r="T15" s="32"/>
      <c r="U15" s="30"/>
      <c r="V15" s="169" t="s">
        <v>20</v>
      </c>
      <c r="W15" s="169" t="s">
        <v>119</v>
      </c>
      <c r="X15" s="169" t="s">
        <v>21</v>
      </c>
      <c r="Y15" s="32"/>
      <c r="Z15"/>
      <c r="AA15"/>
      <c r="AB15"/>
    </row>
    <row r="16" spans="2:28" ht="6.75" customHeight="1" x14ac:dyDescent="0.15">
      <c r="B16" s="3"/>
      <c r="C16" s="6"/>
      <c r="D16" s="6"/>
      <c r="E16" s="6"/>
      <c r="F16" s="6"/>
      <c r="G16" s="6"/>
      <c r="H16" s="6"/>
      <c r="I16" s="6"/>
      <c r="J16" s="6"/>
      <c r="K16" s="6"/>
      <c r="L16" s="6"/>
      <c r="M16" s="6"/>
      <c r="N16" s="6"/>
      <c r="O16" s="6"/>
      <c r="P16" s="6"/>
      <c r="Q16" s="6"/>
      <c r="R16" s="6"/>
      <c r="S16" s="6"/>
      <c r="T16" s="35"/>
      <c r="U16" s="3"/>
      <c r="V16" s="33"/>
      <c r="W16" s="33"/>
      <c r="X16" s="33"/>
      <c r="Y16" s="35"/>
      <c r="Z16"/>
      <c r="AA16"/>
      <c r="AB16"/>
    </row>
    <row r="17" spans="2:28" ht="38.25" customHeight="1" x14ac:dyDescent="0.15">
      <c r="B17" s="3"/>
      <c r="C17" s="170" t="s">
        <v>324</v>
      </c>
      <c r="D17" s="397" t="s">
        <v>325</v>
      </c>
      <c r="E17" s="397"/>
      <c r="F17" s="397"/>
      <c r="G17" s="397"/>
      <c r="H17" s="397"/>
      <c r="I17" s="397"/>
      <c r="J17" s="397"/>
      <c r="K17" s="397"/>
      <c r="L17" s="397"/>
      <c r="M17" s="397"/>
      <c r="N17" s="397"/>
      <c r="O17" s="397"/>
      <c r="P17" s="397"/>
      <c r="Q17" s="397"/>
      <c r="R17" s="397"/>
      <c r="S17" s="398"/>
      <c r="T17" s="35"/>
      <c r="U17" s="3"/>
      <c r="V17" s="13" t="s">
        <v>0</v>
      </c>
      <c r="W17" s="13" t="s">
        <v>123</v>
      </c>
      <c r="X17" s="13" t="s">
        <v>0</v>
      </c>
      <c r="Y17" s="2"/>
    </row>
    <row r="18" spans="2:28" ht="35.25" customHeight="1" x14ac:dyDescent="0.15">
      <c r="B18" s="3"/>
      <c r="C18" s="170" t="s">
        <v>326</v>
      </c>
      <c r="D18" s="397" t="s">
        <v>327</v>
      </c>
      <c r="E18" s="397"/>
      <c r="F18" s="397"/>
      <c r="G18" s="397"/>
      <c r="H18" s="397"/>
      <c r="I18" s="397"/>
      <c r="J18" s="397"/>
      <c r="K18" s="397"/>
      <c r="L18" s="397"/>
      <c r="M18" s="397"/>
      <c r="N18" s="397"/>
      <c r="O18" s="397"/>
      <c r="P18" s="397"/>
      <c r="Q18" s="397"/>
      <c r="R18" s="397"/>
      <c r="S18" s="398"/>
      <c r="T18" s="35"/>
      <c r="U18" s="3"/>
      <c r="V18" s="13" t="s">
        <v>0</v>
      </c>
      <c r="W18" s="13" t="s">
        <v>123</v>
      </c>
      <c r="X18" s="13" t="s">
        <v>0</v>
      </c>
      <c r="Y18" s="2"/>
    </row>
    <row r="19" spans="2:28" ht="30.75" customHeight="1" x14ac:dyDescent="0.15">
      <c r="B19" s="3"/>
      <c r="C19" s="170" t="s">
        <v>328</v>
      </c>
      <c r="D19" s="409" t="s">
        <v>329</v>
      </c>
      <c r="E19" s="409"/>
      <c r="F19" s="409"/>
      <c r="G19" s="409"/>
      <c r="H19" s="409"/>
      <c r="I19" s="409"/>
      <c r="J19" s="409"/>
      <c r="K19" s="409"/>
      <c r="L19" s="409"/>
      <c r="M19" s="409"/>
      <c r="N19" s="409"/>
      <c r="O19" s="409"/>
      <c r="P19" s="409"/>
      <c r="Q19" s="409"/>
      <c r="R19" s="409"/>
      <c r="S19" s="410"/>
      <c r="T19" s="35"/>
      <c r="U19" s="3"/>
      <c r="V19" s="13" t="s">
        <v>0</v>
      </c>
      <c r="W19" s="13" t="s">
        <v>123</v>
      </c>
      <c r="X19" s="13" t="s">
        <v>0</v>
      </c>
      <c r="Y19" s="2"/>
    </row>
    <row r="20" spans="2:28" ht="25.5" customHeight="1" x14ac:dyDescent="0.15">
      <c r="B20" s="3"/>
      <c r="C20" s="170" t="s">
        <v>330</v>
      </c>
      <c r="D20" s="397" t="s">
        <v>331</v>
      </c>
      <c r="E20" s="397"/>
      <c r="F20" s="397"/>
      <c r="G20" s="397"/>
      <c r="H20" s="397"/>
      <c r="I20" s="397"/>
      <c r="J20" s="397"/>
      <c r="K20" s="397"/>
      <c r="L20" s="397"/>
      <c r="M20" s="397"/>
      <c r="N20" s="397"/>
      <c r="O20" s="397"/>
      <c r="P20" s="397"/>
      <c r="Q20" s="397"/>
      <c r="R20" s="397"/>
      <c r="S20" s="398"/>
      <c r="T20" s="35"/>
      <c r="U20" s="3"/>
      <c r="V20" s="13" t="s">
        <v>0</v>
      </c>
      <c r="W20" s="13" t="s">
        <v>123</v>
      </c>
      <c r="X20" s="13" t="s">
        <v>0</v>
      </c>
      <c r="Y20" s="2"/>
    </row>
    <row r="21" spans="2:28" ht="27.75" customHeight="1" x14ac:dyDescent="0.15">
      <c r="B21" s="3"/>
      <c r="C21" s="288" t="s">
        <v>332</v>
      </c>
      <c r="D21" s="401" t="s">
        <v>333</v>
      </c>
      <c r="E21" s="402"/>
      <c r="F21" s="397" t="s">
        <v>334</v>
      </c>
      <c r="G21" s="397"/>
      <c r="H21" s="397"/>
      <c r="I21" s="397"/>
      <c r="J21" s="397"/>
      <c r="K21" s="397"/>
      <c r="L21" s="397"/>
      <c r="M21" s="397"/>
      <c r="N21" s="397"/>
      <c r="O21" s="397"/>
      <c r="P21" s="397"/>
      <c r="Q21" s="397"/>
      <c r="R21" s="397"/>
      <c r="S21" s="398"/>
      <c r="T21" s="35"/>
      <c r="U21" s="3"/>
      <c r="V21" s="13" t="s">
        <v>0</v>
      </c>
      <c r="W21" s="13" t="s">
        <v>22</v>
      </c>
      <c r="X21" s="13" t="s">
        <v>0</v>
      </c>
      <c r="Y21" s="2"/>
    </row>
    <row r="22" spans="2:28" ht="27.75" customHeight="1" x14ac:dyDescent="0.15">
      <c r="B22" s="3"/>
      <c r="C22" s="291"/>
      <c r="D22" s="403"/>
      <c r="E22" s="404"/>
      <c r="F22" s="397" t="s">
        <v>335</v>
      </c>
      <c r="G22" s="397"/>
      <c r="H22" s="397"/>
      <c r="I22" s="397"/>
      <c r="J22" s="397"/>
      <c r="K22" s="397"/>
      <c r="L22" s="397"/>
      <c r="M22" s="397"/>
      <c r="N22" s="397"/>
      <c r="O22" s="397"/>
      <c r="P22" s="397"/>
      <c r="Q22" s="397"/>
      <c r="R22" s="397"/>
      <c r="S22" s="398"/>
      <c r="T22" s="35"/>
      <c r="U22" s="3"/>
      <c r="V22" s="13"/>
      <c r="W22" s="13"/>
      <c r="X22" s="13"/>
      <c r="Y22" s="2"/>
    </row>
    <row r="23" spans="2:28" ht="27" customHeight="1" x14ac:dyDescent="0.15">
      <c r="B23" s="3"/>
      <c r="C23" s="291"/>
      <c r="D23" s="403"/>
      <c r="E23" s="404"/>
      <c r="F23" s="397" t="s">
        <v>336</v>
      </c>
      <c r="G23" s="397"/>
      <c r="H23" s="397"/>
      <c r="I23" s="397"/>
      <c r="J23" s="397"/>
      <c r="K23" s="397"/>
      <c r="L23" s="397"/>
      <c r="M23" s="397"/>
      <c r="N23" s="397"/>
      <c r="O23" s="397"/>
      <c r="P23" s="397"/>
      <c r="Q23" s="397"/>
      <c r="R23" s="397"/>
      <c r="S23" s="398"/>
      <c r="T23" s="35"/>
      <c r="U23" s="3"/>
      <c r="V23" s="13"/>
      <c r="W23" s="13"/>
      <c r="X23" s="13"/>
      <c r="Y23" s="2"/>
    </row>
    <row r="24" spans="2:28" ht="27.75" customHeight="1" x14ac:dyDescent="0.15">
      <c r="B24" s="3"/>
      <c r="C24" s="294"/>
      <c r="D24" s="405"/>
      <c r="E24" s="406"/>
      <c r="F24" s="397" t="s">
        <v>337</v>
      </c>
      <c r="G24" s="397"/>
      <c r="H24" s="397"/>
      <c r="I24" s="397"/>
      <c r="J24" s="397"/>
      <c r="K24" s="397"/>
      <c r="L24" s="397"/>
      <c r="M24" s="397"/>
      <c r="N24" s="397"/>
      <c r="O24" s="397"/>
      <c r="P24" s="397"/>
      <c r="Q24" s="397"/>
      <c r="R24" s="397"/>
      <c r="S24" s="398"/>
      <c r="T24" s="35"/>
      <c r="U24" s="3"/>
      <c r="V24" s="13"/>
      <c r="W24" s="13"/>
      <c r="X24" s="13"/>
      <c r="Y24" s="2"/>
    </row>
    <row r="25" spans="2:28" ht="6" customHeight="1" x14ac:dyDescent="0.15">
      <c r="B25" s="3"/>
      <c r="C25" s="171"/>
      <c r="D25" s="13"/>
      <c r="E25" s="171"/>
      <c r="G25" s="171"/>
      <c r="H25" s="171"/>
      <c r="I25" s="171"/>
      <c r="J25" s="171"/>
      <c r="K25" s="171"/>
      <c r="L25" s="171"/>
      <c r="M25" s="171"/>
      <c r="N25" s="171"/>
      <c r="O25" s="171"/>
      <c r="P25" s="171"/>
      <c r="Q25" s="171"/>
      <c r="R25" s="171"/>
      <c r="S25" s="171"/>
      <c r="T25" s="35"/>
      <c r="U25" s="3"/>
      <c r="V25" s="43"/>
      <c r="W25" s="13"/>
      <c r="X25" s="43"/>
      <c r="Y25" s="2"/>
    </row>
    <row r="26" spans="2:28" x14ac:dyDescent="0.15">
      <c r="B26" s="3"/>
      <c r="C26" s="34" t="s">
        <v>338</v>
      </c>
      <c r="T26" s="35"/>
      <c r="U26" s="3"/>
      <c r="Y26" s="35"/>
      <c r="Z26"/>
      <c r="AA26"/>
      <c r="AB26"/>
    </row>
    <row r="27" spans="2:28" ht="5.25" customHeight="1" x14ac:dyDescent="0.15">
      <c r="B27" s="3"/>
      <c r="T27" s="35"/>
      <c r="U27" s="3"/>
      <c r="Y27" s="35"/>
      <c r="Z27"/>
      <c r="AA27"/>
      <c r="AB27"/>
    </row>
    <row r="28" spans="2:28" ht="35.25" customHeight="1" x14ac:dyDescent="0.15">
      <c r="B28" s="3"/>
      <c r="C28" s="170" t="s">
        <v>339</v>
      </c>
      <c r="D28" s="397" t="s">
        <v>340</v>
      </c>
      <c r="E28" s="397"/>
      <c r="F28" s="397"/>
      <c r="G28" s="397"/>
      <c r="H28" s="397"/>
      <c r="I28" s="397"/>
      <c r="J28" s="397"/>
      <c r="K28" s="397"/>
      <c r="L28" s="397"/>
      <c r="M28" s="397"/>
      <c r="N28" s="397"/>
      <c r="O28" s="397"/>
      <c r="P28" s="397"/>
      <c r="Q28" s="397"/>
      <c r="R28" s="397"/>
      <c r="S28" s="398"/>
      <c r="T28" s="35"/>
      <c r="U28" s="3"/>
      <c r="V28" s="13" t="s">
        <v>0</v>
      </c>
      <c r="W28" s="13" t="s">
        <v>123</v>
      </c>
      <c r="X28" s="13" t="s">
        <v>0</v>
      </c>
      <c r="Y28" s="2"/>
    </row>
    <row r="29" spans="2:28" ht="25.5" customHeight="1" x14ac:dyDescent="0.15">
      <c r="B29" s="3"/>
      <c r="C29" s="170" t="s">
        <v>326</v>
      </c>
      <c r="D29" s="397" t="s">
        <v>341</v>
      </c>
      <c r="E29" s="397"/>
      <c r="F29" s="397"/>
      <c r="G29" s="397"/>
      <c r="H29" s="397"/>
      <c r="I29" s="397"/>
      <c r="J29" s="397"/>
      <c r="K29" s="397"/>
      <c r="L29" s="397"/>
      <c r="M29" s="397"/>
      <c r="N29" s="397"/>
      <c r="O29" s="397"/>
      <c r="P29" s="397"/>
      <c r="Q29" s="397"/>
      <c r="R29" s="397"/>
      <c r="S29" s="398"/>
      <c r="T29" s="35"/>
      <c r="U29" s="3"/>
      <c r="V29" s="13" t="s">
        <v>0</v>
      </c>
      <c r="W29" s="13" t="s">
        <v>123</v>
      </c>
      <c r="X29" s="13" t="s">
        <v>0</v>
      </c>
      <c r="Y29" s="2"/>
    </row>
    <row r="30" spans="2:28" ht="22.5" customHeight="1" x14ac:dyDescent="0.15">
      <c r="B30" s="3"/>
      <c r="C30" s="170" t="s">
        <v>342</v>
      </c>
      <c r="D30" s="409" t="s">
        <v>329</v>
      </c>
      <c r="E30" s="409"/>
      <c r="F30" s="409"/>
      <c r="G30" s="409"/>
      <c r="H30" s="409"/>
      <c r="I30" s="409"/>
      <c r="J30" s="409"/>
      <c r="K30" s="409"/>
      <c r="L30" s="409"/>
      <c r="M30" s="409"/>
      <c r="N30" s="409"/>
      <c r="O30" s="409"/>
      <c r="P30" s="409"/>
      <c r="Q30" s="409"/>
      <c r="R30" s="409"/>
      <c r="S30" s="410"/>
      <c r="T30" s="35"/>
      <c r="U30" s="3"/>
      <c r="V30" s="13" t="s">
        <v>0</v>
      </c>
      <c r="W30" s="13" t="s">
        <v>123</v>
      </c>
      <c r="X30" s="13" t="s">
        <v>0</v>
      </c>
      <c r="Y30" s="2"/>
    </row>
    <row r="31" spans="2:28" ht="24" customHeight="1" x14ac:dyDescent="0.15">
      <c r="B31" s="3"/>
      <c r="C31" s="170" t="s">
        <v>330</v>
      </c>
      <c r="D31" s="397" t="s">
        <v>343</v>
      </c>
      <c r="E31" s="397"/>
      <c r="F31" s="397"/>
      <c r="G31" s="397"/>
      <c r="H31" s="397"/>
      <c r="I31" s="397"/>
      <c r="J31" s="397"/>
      <c r="K31" s="397"/>
      <c r="L31" s="397"/>
      <c r="M31" s="397"/>
      <c r="N31" s="397"/>
      <c r="O31" s="397"/>
      <c r="P31" s="397"/>
      <c r="Q31" s="397"/>
      <c r="R31" s="397"/>
      <c r="S31" s="398"/>
      <c r="T31" s="35"/>
      <c r="U31" s="3"/>
      <c r="V31" s="13" t="s">
        <v>0</v>
      </c>
      <c r="W31" s="13" t="s">
        <v>123</v>
      </c>
      <c r="X31" s="13" t="s">
        <v>0</v>
      </c>
      <c r="Y31" s="2"/>
    </row>
    <row r="32" spans="2:28" ht="24" customHeight="1" x14ac:dyDescent="0.15">
      <c r="B32" s="3"/>
      <c r="C32" s="288" t="s">
        <v>332</v>
      </c>
      <c r="D32" s="401" t="s">
        <v>344</v>
      </c>
      <c r="E32" s="402"/>
      <c r="F32" s="397" t="s">
        <v>345</v>
      </c>
      <c r="G32" s="397"/>
      <c r="H32" s="397"/>
      <c r="I32" s="397"/>
      <c r="J32" s="397"/>
      <c r="K32" s="397"/>
      <c r="L32" s="397"/>
      <c r="M32" s="397"/>
      <c r="N32" s="397"/>
      <c r="O32" s="397"/>
      <c r="P32" s="397"/>
      <c r="Q32" s="397"/>
      <c r="R32" s="397"/>
      <c r="S32" s="398"/>
      <c r="T32" s="35"/>
      <c r="U32" s="3"/>
      <c r="V32" s="13" t="s">
        <v>0</v>
      </c>
      <c r="W32" s="13" t="s">
        <v>123</v>
      </c>
      <c r="X32" s="13" t="s">
        <v>0</v>
      </c>
      <c r="Y32" s="2"/>
    </row>
    <row r="33" spans="2:28" ht="23.25" customHeight="1" x14ac:dyDescent="0.15">
      <c r="B33" s="3"/>
      <c r="C33" s="291"/>
      <c r="D33" s="403"/>
      <c r="E33" s="404"/>
      <c r="F33" s="397" t="s">
        <v>346</v>
      </c>
      <c r="G33" s="397"/>
      <c r="H33" s="397"/>
      <c r="I33" s="397"/>
      <c r="J33" s="397"/>
      <c r="K33" s="397"/>
      <c r="L33" s="397"/>
      <c r="M33" s="397"/>
      <c r="N33" s="397"/>
      <c r="O33" s="397"/>
      <c r="P33" s="397"/>
      <c r="Q33" s="397"/>
      <c r="R33" s="397"/>
      <c r="S33" s="398"/>
      <c r="T33" s="35"/>
      <c r="U33" s="3"/>
      <c r="V33" s="13"/>
      <c r="W33" s="13"/>
      <c r="X33" s="13"/>
      <c r="Y33" s="2"/>
    </row>
    <row r="34" spans="2:28" ht="22.5" customHeight="1" x14ac:dyDescent="0.15">
      <c r="B34" s="3"/>
      <c r="C34" s="291"/>
      <c r="D34" s="403"/>
      <c r="E34" s="404"/>
      <c r="F34" s="397" t="s">
        <v>335</v>
      </c>
      <c r="G34" s="397"/>
      <c r="H34" s="397"/>
      <c r="I34" s="397"/>
      <c r="J34" s="397"/>
      <c r="K34" s="397"/>
      <c r="L34" s="397"/>
      <c r="M34" s="397"/>
      <c r="N34" s="397"/>
      <c r="O34" s="397"/>
      <c r="P34" s="397"/>
      <c r="Q34" s="397"/>
      <c r="R34" s="397"/>
      <c r="S34" s="398"/>
      <c r="T34" s="35"/>
      <c r="U34" s="3"/>
      <c r="V34" s="13"/>
      <c r="W34" s="13"/>
      <c r="X34" s="13"/>
      <c r="Y34" s="2"/>
    </row>
    <row r="35" spans="2:28" ht="24.75" customHeight="1" x14ac:dyDescent="0.15">
      <c r="B35" s="3"/>
      <c r="C35" s="294"/>
      <c r="D35" s="405"/>
      <c r="E35" s="406"/>
      <c r="F35" s="397" t="s">
        <v>347</v>
      </c>
      <c r="G35" s="397"/>
      <c r="H35" s="397"/>
      <c r="I35" s="397"/>
      <c r="J35" s="397"/>
      <c r="K35" s="397"/>
      <c r="L35" s="397"/>
      <c r="M35" s="397"/>
      <c r="N35" s="397"/>
      <c r="O35" s="397"/>
      <c r="P35" s="397"/>
      <c r="Q35" s="397"/>
      <c r="R35" s="397"/>
      <c r="S35" s="398"/>
      <c r="T35" s="35"/>
      <c r="U35" s="3"/>
      <c r="V35" s="13"/>
      <c r="W35" s="13"/>
      <c r="X35" s="13"/>
      <c r="Y35" s="2"/>
    </row>
    <row r="36" spans="2:28" ht="5.25" customHeight="1" x14ac:dyDescent="0.15">
      <c r="B36" s="3"/>
      <c r="C36" s="172"/>
      <c r="D36" s="13"/>
      <c r="E36" s="171"/>
      <c r="G36" s="171"/>
      <c r="H36" s="171"/>
      <c r="I36" s="171"/>
      <c r="J36" s="171"/>
      <c r="K36" s="171"/>
      <c r="L36" s="171"/>
      <c r="M36" s="171"/>
      <c r="N36" s="171"/>
      <c r="O36" s="171"/>
      <c r="P36" s="171"/>
      <c r="Q36" s="171"/>
      <c r="R36" s="171"/>
      <c r="S36" s="171"/>
      <c r="T36" s="35"/>
      <c r="U36" s="3"/>
      <c r="V36" s="4"/>
      <c r="W36" s="4"/>
      <c r="X36" s="4"/>
      <c r="Y36" s="2"/>
    </row>
    <row r="37" spans="2:28" x14ac:dyDescent="0.15">
      <c r="B37" s="3"/>
      <c r="C37" s="34" t="s">
        <v>348</v>
      </c>
      <c r="T37" s="35"/>
      <c r="U37" s="3"/>
      <c r="Y37" s="35"/>
      <c r="Z37"/>
      <c r="AA37"/>
      <c r="AB37"/>
    </row>
    <row r="38" spans="2:28" ht="5.25" customHeight="1" x14ac:dyDescent="0.15">
      <c r="B38" s="3"/>
      <c r="C38" s="6"/>
      <c r="D38" s="6"/>
      <c r="E38" s="6"/>
      <c r="F38" s="6"/>
      <c r="G38" s="6"/>
      <c r="H38" s="6"/>
      <c r="I38" s="6"/>
      <c r="J38" s="6"/>
      <c r="K38" s="6"/>
      <c r="L38" s="6"/>
      <c r="M38" s="6"/>
      <c r="N38" s="6"/>
      <c r="O38" s="6"/>
      <c r="P38" s="6"/>
      <c r="Q38" s="6"/>
      <c r="R38" s="6"/>
      <c r="S38" s="6"/>
      <c r="T38" s="35"/>
      <c r="U38" s="3"/>
      <c r="Y38" s="35"/>
      <c r="Z38"/>
      <c r="AA38"/>
      <c r="AB38"/>
    </row>
    <row r="39" spans="2:28" ht="37.5" customHeight="1" x14ac:dyDescent="0.15">
      <c r="B39" s="3"/>
      <c r="C39" s="173" t="s">
        <v>349</v>
      </c>
      <c r="D39" s="407" t="s">
        <v>350</v>
      </c>
      <c r="E39" s="407"/>
      <c r="F39" s="407"/>
      <c r="G39" s="407"/>
      <c r="H39" s="407"/>
      <c r="I39" s="407"/>
      <c r="J39" s="407"/>
      <c r="K39" s="407"/>
      <c r="L39" s="407"/>
      <c r="M39" s="407"/>
      <c r="N39" s="407"/>
      <c r="O39" s="407"/>
      <c r="P39" s="407"/>
      <c r="Q39" s="407"/>
      <c r="R39" s="407"/>
      <c r="S39" s="408"/>
      <c r="T39" s="35"/>
      <c r="U39" s="3"/>
      <c r="V39" s="13" t="s">
        <v>0</v>
      </c>
      <c r="W39" s="13" t="s">
        <v>123</v>
      </c>
      <c r="X39" s="13" t="s">
        <v>0</v>
      </c>
      <c r="Y39" s="2"/>
    </row>
    <row r="40" spans="2:28" ht="37.5" customHeight="1" x14ac:dyDescent="0.15">
      <c r="B40" s="3"/>
      <c r="C40" s="170" t="s">
        <v>326</v>
      </c>
      <c r="D40" s="397" t="s">
        <v>351</v>
      </c>
      <c r="E40" s="397"/>
      <c r="F40" s="397"/>
      <c r="G40" s="397"/>
      <c r="H40" s="397"/>
      <c r="I40" s="397"/>
      <c r="J40" s="397"/>
      <c r="K40" s="397"/>
      <c r="L40" s="397"/>
      <c r="M40" s="397"/>
      <c r="N40" s="397"/>
      <c r="O40" s="397"/>
      <c r="P40" s="397"/>
      <c r="Q40" s="397"/>
      <c r="R40" s="397"/>
      <c r="S40" s="398"/>
      <c r="T40" s="35"/>
      <c r="U40" s="3"/>
      <c r="V40" s="13" t="s">
        <v>0</v>
      </c>
      <c r="W40" s="13" t="s">
        <v>22</v>
      </c>
      <c r="X40" s="13" t="s">
        <v>0</v>
      </c>
      <c r="Y40" s="2"/>
    </row>
    <row r="41" spans="2:28" ht="29.25" customHeight="1" x14ac:dyDescent="0.15">
      <c r="B41" s="3"/>
      <c r="C41" s="170" t="s">
        <v>328</v>
      </c>
      <c r="D41" s="397" t="s">
        <v>341</v>
      </c>
      <c r="E41" s="397"/>
      <c r="F41" s="397"/>
      <c r="G41" s="397"/>
      <c r="H41" s="397"/>
      <c r="I41" s="397"/>
      <c r="J41" s="397"/>
      <c r="K41" s="397"/>
      <c r="L41" s="397"/>
      <c r="M41" s="397"/>
      <c r="N41" s="397"/>
      <c r="O41" s="397"/>
      <c r="P41" s="397"/>
      <c r="Q41" s="397"/>
      <c r="R41" s="397"/>
      <c r="S41" s="398"/>
      <c r="T41" s="35"/>
      <c r="U41" s="3"/>
      <c r="V41" s="13" t="s">
        <v>0</v>
      </c>
      <c r="W41" s="13" t="s">
        <v>123</v>
      </c>
      <c r="X41" s="13" t="s">
        <v>0</v>
      </c>
      <c r="Y41" s="2"/>
    </row>
    <row r="42" spans="2:28" ht="18" customHeight="1" x14ac:dyDescent="0.15">
      <c r="B42" s="3"/>
      <c r="C42" s="170" t="s">
        <v>330</v>
      </c>
      <c r="D42" s="409" t="s">
        <v>352</v>
      </c>
      <c r="E42" s="409"/>
      <c r="F42" s="409"/>
      <c r="G42" s="409"/>
      <c r="H42" s="409"/>
      <c r="I42" s="409"/>
      <c r="J42" s="409"/>
      <c r="K42" s="409"/>
      <c r="L42" s="409"/>
      <c r="M42" s="409"/>
      <c r="N42" s="409"/>
      <c r="O42" s="409"/>
      <c r="P42" s="409"/>
      <c r="Q42" s="409"/>
      <c r="R42" s="409"/>
      <c r="S42" s="410"/>
      <c r="T42" s="35"/>
      <c r="U42" s="3"/>
      <c r="V42" s="13" t="s">
        <v>0</v>
      </c>
      <c r="W42" s="13" t="s">
        <v>123</v>
      </c>
      <c r="X42" s="13" t="s">
        <v>0</v>
      </c>
      <c r="Y42" s="2"/>
    </row>
    <row r="43" spans="2:28" ht="27.75" customHeight="1" x14ac:dyDescent="0.15">
      <c r="B43" s="3"/>
      <c r="C43" s="170" t="s">
        <v>332</v>
      </c>
      <c r="D43" s="397" t="s">
        <v>343</v>
      </c>
      <c r="E43" s="397"/>
      <c r="F43" s="397"/>
      <c r="G43" s="397"/>
      <c r="H43" s="397"/>
      <c r="I43" s="397"/>
      <c r="J43" s="397"/>
      <c r="K43" s="397"/>
      <c r="L43" s="397"/>
      <c r="M43" s="397"/>
      <c r="N43" s="397"/>
      <c r="O43" s="397"/>
      <c r="P43" s="397"/>
      <c r="Q43" s="397"/>
      <c r="R43" s="397"/>
      <c r="S43" s="398"/>
      <c r="T43" s="35"/>
      <c r="U43" s="3"/>
      <c r="V43" s="13" t="s">
        <v>0</v>
      </c>
      <c r="W43" s="13" t="s">
        <v>123</v>
      </c>
      <c r="X43" s="13" t="s">
        <v>0</v>
      </c>
      <c r="Y43" s="2"/>
    </row>
    <row r="44" spans="2:28" ht="24" customHeight="1" x14ac:dyDescent="0.15">
      <c r="B44" s="3"/>
      <c r="C44" s="288" t="s">
        <v>353</v>
      </c>
      <c r="D44" s="401" t="s">
        <v>344</v>
      </c>
      <c r="E44" s="402"/>
      <c r="F44" s="397" t="s">
        <v>345</v>
      </c>
      <c r="G44" s="397"/>
      <c r="H44" s="397"/>
      <c r="I44" s="397"/>
      <c r="J44" s="397"/>
      <c r="K44" s="397"/>
      <c r="L44" s="397"/>
      <c r="M44" s="397"/>
      <c r="N44" s="397"/>
      <c r="O44" s="397"/>
      <c r="P44" s="397"/>
      <c r="Q44" s="397"/>
      <c r="R44" s="397"/>
      <c r="S44" s="398"/>
      <c r="T44" s="35"/>
      <c r="U44" s="3"/>
      <c r="V44" s="13" t="s">
        <v>0</v>
      </c>
      <c r="W44" s="13" t="s">
        <v>123</v>
      </c>
      <c r="X44" s="13" t="s">
        <v>0</v>
      </c>
      <c r="Y44" s="2"/>
    </row>
    <row r="45" spans="2:28" ht="26.25" customHeight="1" x14ac:dyDescent="0.15">
      <c r="B45" s="3"/>
      <c r="C45" s="291"/>
      <c r="D45" s="403"/>
      <c r="E45" s="404"/>
      <c r="F45" s="397" t="s">
        <v>346</v>
      </c>
      <c r="G45" s="397"/>
      <c r="H45" s="397"/>
      <c r="I45" s="397"/>
      <c r="J45" s="397"/>
      <c r="K45" s="397"/>
      <c r="L45" s="397"/>
      <c r="M45" s="397"/>
      <c r="N45" s="397"/>
      <c r="O45" s="397"/>
      <c r="P45" s="397"/>
      <c r="Q45" s="397"/>
      <c r="R45" s="397"/>
      <c r="S45" s="398"/>
      <c r="T45" s="35"/>
      <c r="U45" s="3"/>
      <c r="V45" s="13"/>
      <c r="W45" s="13"/>
      <c r="X45" s="13"/>
      <c r="Y45" s="2"/>
    </row>
    <row r="46" spans="2:28" ht="18.75" customHeight="1" x14ac:dyDescent="0.15">
      <c r="B46" s="3"/>
      <c r="C46" s="291"/>
      <c r="D46" s="403"/>
      <c r="E46" s="404"/>
      <c r="F46" s="397" t="s">
        <v>354</v>
      </c>
      <c r="G46" s="397"/>
      <c r="H46" s="397"/>
      <c r="I46" s="397"/>
      <c r="J46" s="397"/>
      <c r="K46" s="397"/>
      <c r="L46" s="397"/>
      <c r="M46" s="397"/>
      <c r="N46" s="397"/>
      <c r="O46" s="397"/>
      <c r="P46" s="397"/>
      <c r="Q46" s="397"/>
      <c r="R46" s="397"/>
      <c r="S46" s="398"/>
      <c r="T46" s="35"/>
      <c r="U46" s="3"/>
      <c r="V46" s="13"/>
      <c r="W46" s="13"/>
      <c r="X46" s="13"/>
      <c r="Y46" s="2"/>
    </row>
    <row r="47" spans="2:28" ht="25.5" customHeight="1" x14ac:dyDescent="0.15">
      <c r="B47" s="3"/>
      <c r="C47" s="294"/>
      <c r="D47" s="405"/>
      <c r="E47" s="406"/>
      <c r="F47" s="397" t="s">
        <v>347</v>
      </c>
      <c r="G47" s="397"/>
      <c r="H47" s="397"/>
      <c r="I47" s="397"/>
      <c r="J47" s="397"/>
      <c r="K47" s="397"/>
      <c r="L47" s="397"/>
      <c r="M47" s="397"/>
      <c r="N47" s="397"/>
      <c r="O47" s="397"/>
      <c r="P47" s="397"/>
      <c r="Q47" s="397"/>
      <c r="R47" s="397"/>
      <c r="S47" s="398"/>
      <c r="T47" s="35"/>
      <c r="U47" s="3"/>
      <c r="V47" s="13"/>
      <c r="W47" s="13"/>
      <c r="X47" s="13"/>
      <c r="Y47" s="2"/>
    </row>
    <row r="48" spans="2:28" x14ac:dyDescent="0.15">
      <c r="B48" s="1"/>
      <c r="C48" s="6"/>
      <c r="D48" s="6"/>
      <c r="E48" s="6"/>
      <c r="F48" s="6"/>
      <c r="G48" s="6"/>
      <c r="H48" s="6"/>
      <c r="I48" s="6"/>
      <c r="J48" s="6"/>
      <c r="K48" s="6"/>
      <c r="L48" s="6"/>
      <c r="M48" s="6"/>
      <c r="N48" s="6"/>
      <c r="O48" s="6"/>
      <c r="P48" s="6"/>
      <c r="Q48" s="6"/>
      <c r="R48" s="6"/>
      <c r="S48" s="6"/>
      <c r="T48" s="5"/>
      <c r="U48" s="1"/>
      <c r="V48" s="6"/>
      <c r="W48" s="6"/>
      <c r="X48" s="6"/>
      <c r="Y48" s="5"/>
    </row>
    <row r="49" spans="2:28" ht="4.5" customHeight="1" x14ac:dyDescent="0.15">
      <c r="Z49"/>
      <c r="AA49"/>
      <c r="AB49"/>
    </row>
    <row r="50" spans="2:28" x14ac:dyDescent="0.15">
      <c r="B50" s="34" t="s">
        <v>355</v>
      </c>
      <c r="Z50"/>
      <c r="AA50"/>
      <c r="AB50"/>
    </row>
    <row r="51" spans="2:28" ht="24" customHeight="1" x14ac:dyDescent="0.15">
      <c r="B51" s="30"/>
      <c r="C51" s="399" t="s">
        <v>356</v>
      </c>
      <c r="D51" s="399"/>
      <c r="E51" s="399"/>
      <c r="F51" s="399"/>
      <c r="G51" s="399"/>
      <c r="H51" s="399"/>
      <c r="I51" s="399"/>
      <c r="J51" s="399"/>
      <c r="K51" s="399"/>
      <c r="L51" s="399"/>
      <c r="M51" s="399"/>
      <c r="N51" s="399"/>
      <c r="O51" s="399"/>
      <c r="P51" s="399"/>
      <c r="Q51" s="399"/>
      <c r="R51" s="399"/>
      <c r="S51" s="399"/>
      <c r="T51" s="32"/>
      <c r="U51" s="31"/>
      <c r="V51" s="169" t="s">
        <v>20</v>
      </c>
      <c r="W51" s="169" t="s">
        <v>119</v>
      </c>
      <c r="X51" s="169" t="s">
        <v>21</v>
      </c>
      <c r="Y51" s="32"/>
      <c r="Z51"/>
      <c r="AA51"/>
      <c r="AB51"/>
    </row>
    <row r="52" spans="2:28" ht="5.25" customHeight="1" x14ac:dyDescent="0.15">
      <c r="B52" s="3"/>
      <c r="C52" s="174"/>
      <c r="D52" s="174"/>
      <c r="E52" s="174"/>
      <c r="F52" s="174"/>
      <c r="G52" s="174"/>
      <c r="H52" s="174"/>
      <c r="I52" s="174"/>
      <c r="J52" s="174"/>
      <c r="K52" s="174"/>
      <c r="L52" s="174"/>
      <c r="M52" s="174"/>
      <c r="N52" s="174"/>
      <c r="O52" s="174"/>
      <c r="P52" s="174"/>
      <c r="Q52" s="174"/>
      <c r="R52" s="174"/>
      <c r="S52" s="174"/>
      <c r="T52" s="35"/>
      <c r="V52" s="33"/>
      <c r="W52" s="33"/>
      <c r="X52" s="33"/>
      <c r="Y52" s="35"/>
      <c r="Z52"/>
      <c r="AA52"/>
      <c r="AB52"/>
    </row>
    <row r="53" spans="2:28" ht="21" customHeight="1" x14ac:dyDescent="0.15">
      <c r="B53" s="3"/>
      <c r="C53" s="170" t="s">
        <v>357</v>
      </c>
      <c r="D53" s="397" t="s">
        <v>358</v>
      </c>
      <c r="E53" s="397"/>
      <c r="F53" s="397"/>
      <c r="G53" s="397"/>
      <c r="H53" s="397"/>
      <c r="I53" s="397"/>
      <c r="J53" s="397"/>
      <c r="K53" s="397"/>
      <c r="L53" s="397"/>
      <c r="M53" s="397"/>
      <c r="N53" s="397"/>
      <c r="O53" s="397"/>
      <c r="P53" s="397"/>
      <c r="Q53" s="397"/>
      <c r="R53" s="397"/>
      <c r="S53" s="398"/>
      <c r="T53" s="35"/>
      <c r="V53" s="13" t="s">
        <v>0</v>
      </c>
      <c r="W53" s="13" t="s">
        <v>123</v>
      </c>
      <c r="X53" s="13" t="s">
        <v>0</v>
      </c>
      <c r="Y53" s="35"/>
      <c r="Z53"/>
      <c r="AA53"/>
      <c r="AB53"/>
    </row>
    <row r="54" spans="2:28" ht="5.25" customHeight="1" x14ac:dyDescent="0.15">
      <c r="B54" s="3"/>
      <c r="D54" s="175"/>
      <c r="T54" s="35"/>
      <c r="V54" s="13"/>
      <c r="W54" s="13"/>
      <c r="X54" s="13"/>
      <c r="Y54" s="35"/>
      <c r="Z54"/>
      <c r="AA54"/>
      <c r="AB54"/>
    </row>
    <row r="55" spans="2:28" ht="24.75" customHeight="1" x14ac:dyDescent="0.15">
      <c r="B55" s="3"/>
      <c r="C55" s="400" t="s">
        <v>359</v>
      </c>
      <c r="D55" s="400"/>
      <c r="E55" s="400"/>
      <c r="F55" s="400"/>
      <c r="G55" s="400"/>
      <c r="H55" s="400"/>
      <c r="I55" s="400"/>
      <c r="J55" s="400"/>
      <c r="K55" s="400"/>
      <c r="L55" s="400"/>
      <c r="M55" s="400"/>
      <c r="N55" s="400"/>
      <c r="O55" s="400"/>
      <c r="P55" s="400"/>
      <c r="Q55" s="400"/>
      <c r="R55" s="400"/>
      <c r="S55" s="400"/>
      <c r="T55" s="35"/>
      <c r="V55" s="43"/>
      <c r="W55" s="13"/>
      <c r="X55" s="43"/>
      <c r="Y55" s="2"/>
    </row>
    <row r="56" spans="2:28" ht="6" customHeight="1" x14ac:dyDescent="0.15">
      <c r="B56" s="3"/>
      <c r="C56" s="174"/>
      <c r="D56" s="174"/>
      <c r="E56" s="174"/>
      <c r="F56" s="174"/>
      <c r="G56" s="174"/>
      <c r="H56" s="174"/>
      <c r="I56" s="174"/>
      <c r="J56" s="174"/>
      <c r="K56" s="174"/>
      <c r="L56" s="174"/>
      <c r="M56" s="174"/>
      <c r="N56" s="174"/>
      <c r="O56" s="174"/>
      <c r="P56" s="174"/>
      <c r="Q56" s="174"/>
      <c r="R56" s="174"/>
      <c r="S56" s="174"/>
      <c r="T56" s="35"/>
      <c r="V56" s="43"/>
      <c r="W56" s="13"/>
      <c r="X56" s="43"/>
      <c r="Y56" s="2"/>
    </row>
    <row r="57" spans="2:28" ht="22.5" customHeight="1" x14ac:dyDescent="0.15">
      <c r="B57" s="3"/>
      <c r="C57" s="170" t="s">
        <v>357</v>
      </c>
      <c r="D57" s="397" t="s">
        <v>360</v>
      </c>
      <c r="E57" s="397"/>
      <c r="F57" s="397"/>
      <c r="G57" s="397"/>
      <c r="H57" s="397"/>
      <c r="I57" s="397"/>
      <c r="J57" s="397"/>
      <c r="K57" s="397"/>
      <c r="L57" s="397"/>
      <c r="M57" s="397"/>
      <c r="N57" s="397"/>
      <c r="O57" s="397"/>
      <c r="P57" s="397"/>
      <c r="Q57" s="397"/>
      <c r="R57" s="397"/>
      <c r="S57" s="398"/>
      <c r="T57" s="35"/>
      <c r="V57" s="13" t="s">
        <v>0</v>
      </c>
      <c r="W57" s="13" t="s">
        <v>123</v>
      </c>
      <c r="X57" s="13" t="s">
        <v>0</v>
      </c>
      <c r="Y57" s="2"/>
    </row>
    <row r="58" spans="2:28" ht="5.25" customHeight="1" x14ac:dyDescent="0.15">
      <c r="B58" s="1"/>
      <c r="C58" s="6"/>
      <c r="D58" s="6"/>
      <c r="E58" s="6"/>
      <c r="F58" s="6"/>
      <c r="G58" s="6"/>
      <c r="H58" s="6"/>
      <c r="I58" s="6"/>
      <c r="J58" s="6"/>
      <c r="K58" s="6"/>
      <c r="L58" s="6"/>
      <c r="M58" s="6"/>
      <c r="N58" s="6"/>
      <c r="O58" s="6"/>
      <c r="P58" s="6"/>
      <c r="Q58" s="6"/>
      <c r="R58" s="6"/>
      <c r="S58" s="6"/>
      <c r="T58" s="5"/>
      <c r="U58" s="6"/>
      <c r="V58" s="6"/>
      <c r="W58" s="6"/>
      <c r="X58" s="6"/>
      <c r="Y58" s="5"/>
    </row>
    <row r="59" spans="2:28" x14ac:dyDescent="0.15">
      <c r="B59" s="34" t="s">
        <v>361</v>
      </c>
    </row>
    <row r="60" spans="2:28" x14ac:dyDescent="0.15">
      <c r="B60" s="34" t="s">
        <v>28</v>
      </c>
      <c r="K60"/>
      <c r="L60"/>
      <c r="M60"/>
      <c r="N60"/>
      <c r="O60"/>
      <c r="P60"/>
      <c r="Q60"/>
      <c r="R60"/>
      <c r="S60"/>
      <c r="T60"/>
      <c r="U60"/>
      <c r="V60"/>
      <c r="W60"/>
      <c r="X60"/>
      <c r="Y60"/>
      <c r="Z60"/>
      <c r="AA60"/>
      <c r="AB60"/>
    </row>
    <row r="122" spans="3:7" x14ac:dyDescent="0.15">
      <c r="C122" s="6"/>
      <c r="D122" s="6"/>
      <c r="E122" s="6"/>
      <c r="F122" s="6"/>
      <c r="G122" s="6"/>
    </row>
    <row r="123" spans="3:7" x14ac:dyDescent="0.15">
      <c r="C123" s="31"/>
    </row>
  </sheetData>
  <mergeCells count="46">
    <mergeCell ref="D19:S19"/>
    <mergeCell ref="B4:Y4"/>
    <mergeCell ref="B6:F6"/>
    <mergeCell ref="G6:Y6"/>
    <mergeCell ref="B7:F7"/>
    <mergeCell ref="B8:F10"/>
    <mergeCell ref="H8:Y8"/>
    <mergeCell ref="H9:Y9"/>
    <mergeCell ref="H10:Y10"/>
    <mergeCell ref="B11:F12"/>
    <mergeCell ref="H11:Y11"/>
    <mergeCell ref="H12:Y12"/>
    <mergeCell ref="D17:S17"/>
    <mergeCell ref="D18:S18"/>
    <mergeCell ref="D20:S20"/>
    <mergeCell ref="C21:C24"/>
    <mergeCell ref="D21:E24"/>
    <mergeCell ref="F21:S21"/>
    <mergeCell ref="F22:S22"/>
    <mergeCell ref="F23:S23"/>
    <mergeCell ref="F24:S24"/>
    <mergeCell ref="D28:S28"/>
    <mergeCell ref="D29:S29"/>
    <mergeCell ref="D30:S30"/>
    <mergeCell ref="D31:S31"/>
    <mergeCell ref="C32:C35"/>
    <mergeCell ref="D32:E35"/>
    <mergeCell ref="F32:S32"/>
    <mergeCell ref="F33:S33"/>
    <mergeCell ref="F34:S34"/>
    <mergeCell ref="F35:S35"/>
    <mergeCell ref="D39:S39"/>
    <mergeCell ref="D40:S40"/>
    <mergeCell ref="D41:S41"/>
    <mergeCell ref="D42:S42"/>
    <mergeCell ref="D43:S43"/>
    <mergeCell ref="F47:S47"/>
    <mergeCell ref="C51:S51"/>
    <mergeCell ref="D53:S53"/>
    <mergeCell ref="C55:S55"/>
    <mergeCell ref="D57:S57"/>
    <mergeCell ref="C44:C47"/>
    <mergeCell ref="D44:E47"/>
    <mergeCell ref="F44:S44"/>
    <mergeCell ref="F45:S45"/>
    <mergeCell ref="F46:S46"/>
  </mergeCells>
  <phoneticPr fontId="3"/>
  <dataValidations count="1">
    <dataValidation type="list" allowBlank="1" showInputMessage="1" showErrorMessage="1" sqref="L7 Q7 G7:G12 X57 V57 X17:X24 X28:X35 V17:V24 V28:V35 V39:V47 X39:X47 V53:V54 X53:X54">
      <formula1>"□,■"</formula1>
    </dataValidation>
  </dataValidations>
  <pageMargins left="0.7" right="0.7" top="0.75" bottom="0.75" header="0.3" footer="0.3"/>
  <pageSetup paperSize="9" scale="70"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1"/>
  <sheetViews>
    <sheetView zoomScaleNormal="100" workbookViewId="0">
      <selection activeCell="B4" sqref="B4:Z4"/>
    </sheetView>
  </sheetViews>
  <sheetFormatPr defaultColWidth="4" defaultRowHeight="13.5" x14ac:dyDescent="0.15"/>
  <cols>
    <col min="1" max="1" width="2.875" style="34" customWidth="1"/>
    <col min="2" max="2" width="2.375" style="34" customWidth="1"/>
    <col min="3" max="3" width="3.5" style="34" customWidth="1"/>
    <col min="4" max="10" width="3.625" style="34" customWidth="1"/>
    <col min="11" max="11" width="4.875" style="34" customWidth="1"/>
    <col min="12" max="15" width="3.625" style="34" customWidth="1"/>
    <col min="16" max="16" width="1.5" style="34" customWidth="1"/>
    <col min="17" max="18" width="3.625" style="34" customWidth="1"/>
    <col min="19" max="19" width="2.75" style="34" customWidth="1"/>
    <col min="20" max="28" width="3.625" style="34" customWidth="1"/>
    <col min="29" max="29" width="2.5" style="34" customWidth="1"/>
    <col min="30" max="30" width="1.875" style="34" customWidth="1"/>
    <col min="31" max="16384" width="4" style="34"/>
  </cols>
  <sheetData>
    <row r="2" spans="2:29" x14ac:dyDescent="0.15">
      <c r="B2" s="34" t="s">
        <v>113</v>
      </c>
      <c r="C2"/>
      <c r="D2"/>
      <c r="E2"/>
      <c r="F2"/>
      <c r="G2"/>
      <c r="H2"/>
      <c r="I2"/>
      <c r="J2"/>
      <c r="K2"/>
      <c r="L2"/>
      <c r="M2"/>
      <c r="N2"/>
      <c r="O2"/>
      <c r="P2"/>
      <c r="Q2"/>
      <c r="R2"/>
      <c r="S2"/>
      <c r="T2"/>
      <c r="U2"/>
      <c r="V2"/>
      <c r="W2"/>
      <c r="X2"/>
      <c r="Y2"/>
      <c r="Z2"/>
    </row>
    <row r="3" spans="2:29" x14ac:dyDescent="0.15">
      <c r="AA3" s="12"/>
      <c r="AB3" s="13"/>
      <c r="AC3" s="12"/>
    </row>
    <row r="4" spans="2:29" ht="34.5" customHeight="1" x14ac:dyDescent="0.15">
      <c r="B4" s="415" t="s">
        <v>114</v>
      </c>
      <c r="C4" s="302"/>
      <c r="D4" s="302"/>
      <c r="E4" s="302"/>
      <c r="F4" s="302"/>
      <c r="G4" s="302"/>
      <c r="H4" s="302"/>
      <c r="I4" s="302"/>
      <c r="J4" s="302"/>
      <c r="K4" s="302"/>
      <c r="L4" s="302"/>
      <c r="M4" s="302"/>
      <c r="N4" s="302"/>
      <c r="O4" s="302"/>
      <c r="P4" s="302"/>
      <c r="Q4" s="302"/>
      <c r="R4" s="302"/>
      <c r="S4" s="302"/>
      <c r="T4" s="302"/>
      <c r="U4" s="302"/>
      <c r="V4" s="302"/>
      <c r="W4" s="302"/>
      <c r="X4" s="302"/>
      <c r="Y4" s="302"/>
      <c r="Z4" s="302"/>
    </row>
    <row r="5" spans="2:29" ht="16.5" customHeight="1" x14ac:dyDescent="0.15">
      <c r="B5" s="302" t="s">
        <v>115</v>
      </c>
      <c r="C5" s="302"/>
      <c r="D5" s="302"/>
      <c r="E5" s="302"/>
      <c r="F5" s="302"/>
      <c r="G5" s="302"/>
      <c r="H5" s="302"/>
      <c r="I5" s="302"/>
      <c r="J5" s="302"/>
      <c r="K5" s="302"/>
      <c r="L5" s="302"/>
      <c r="M5" s="302"/>
      <c r="N5" s="302"/>
      <c r="O5" s="302"/>
      <c r="P5" s="302"/>
      <c r="Q5" s="302"/>
      <c r="R5" s="302"/>
      <c r="S5" s="302"/>
      <c r="T5" s="302"/>
      <c r="U5" s="302"/>
      <c r="V5" s="302"/>
      <c r="W5" s="302"/>
      <c r="X5" s="302"/>
      <c r="Y5" s="302"/>
      <c r="Z5" s="302"/>
    </row>
    <row r="6" spans="2:29" ht="13.5" customHeight="1" x14ac:dyDescent="0.15">
      <c r="B6" s="13"/>
      <c r="C6" s="13"/>
      <c r="D6" s="13"/>
      <c r="E6" s="13"/>
      <c r="F6" s="13"/>
      <c r="G6" s="13"/>
      <c r="H6" s="13"/>
      <c r="I6" s="13"/>
      <c r="J6" s="13"/>
      <c r="K6" s="13"/>
      <c r="L6" s="13"/>
      <c r="M6" s="13"/>
      <c r="N6" s="13"/>
      <c r="O6" s="13"/>
      <c r="P6" s="13"/>
      <c r="Q6" s="13"/>
      <c r="R6" s="13"/>
      <c r="S6" s="13"/>
      <c r="T6" s="13"/>
      <c r="U6" s="13"/>
      <c r="V6" s="13"/>
      <c r="W6" s="13"/>
      <c r="X6" s="13"/>
      <c r="Y6" s="13"/>
      <c r="Z6" s="13"/>
    </row>
    <row r="7" spans="2:29" ht="24" customHeight="1" x14ac:dyDescent="0.15">
      <c r="B7" s="307" t="s">
        <v>15</v>
      </c>
      <c r="C7" s="307"/>
      <c r="D7" s="307"/>
      <c r="E7" s="307"/>
      <c r="F7" s="307"/>
      <c r="G7" s="308"/>
      <c r="H7" s="309"/>
      <c r="I7" s="309"/>
      <c r="J7" s="309"/>
      <c r="K7" s="309"/>
      <c r="L7" s="309"/>
      <c r="M7" s="309"/>
      <c r="N7" s="309"/>
      <c r="O7" s="309"/>
      <c r="P7" s="309"/>
      <c r="Q7" s="309"/>
      <c r="R7" s="309"/>
      <c r="S7" s="309"/>
      <c r="T7" s="309"/>
      <c r="U7" s="309"/>
      <c r="V7" s="309"/>
      <c r="W7" s="309"/>
      <c r="X7" s="309"/>
      <c r="Y7" s="309"/>
      <c r="Z7" s="310"/>
    </row>
    <row r="8" spans="2:29" ht="24" customHeight="1" x14ac:dyDescent="0.15">
      <c r="B8" s="307" t="s">
        <v>16</v>
      </c>
      <c r="C8" s="307"/>
      <c r="D8" s="307"/>
      <c r="E8" s="307"/>
      <c r="F8" s="307"/>
      <c r="G8" s="15" t="s">
        <v>0</v>
      </c>
      <c r="H8" s="27" t="s">
        <v>17</v>
      </c>
      <c r="I8" s="27"/>
      <c r="J8" s="27"/>
      <c r="K8" s="27"/>
      <c r="L8" s="15" t="s">
        <v>0</v>
      </c>
      <c r="M8" s="27" t="s">
        <v>18</v>
      </c>
      <c r="N8" s="27"/>
      <c r="O8" s="27"/>
      <c r="P8" s="27"/>
      <c r="Q8" s="15" t="s">
        <v>0</v>
      </c>
      <c r="R8" s="27" t="s">
        <v>19</v>
      </c>
      <c r="S8" s="27"/>
      <c r="T8" s="27"/>
      <c r="U8" s="27"/>
      <c r="V8" s="27"/>
      <c r="W8" s="27"/>
      <c r="X8" s="27"/>
      <c r="Y8" s="28"/>
      <c r="Z8" s="29"/>
    </row>
    <row r="9" spans="2:29" ht="21.95" customHeight="1" x14ac:dyDescent="0.15">
      <c r="B9" s="298" t="s">
        <v>116</v>
      </c>
      <c r="C9" s="299"/>
      <c r="D9" s="299"/>
      <c r="E9" s="299"/>
      <c r="F9" s="300"/>
      <c r="G9" s="38" t="s">
        <v>0</v>
      </c>
      <c r="H9" s="31" t="s">
        <v>117</v>
      </c>
      <c r="I9" s="86"/>
      <c r="J9" s="86"/>
      <c r="K9" s="86"/>
      <c r="L9" s="86"/>
      <c r="M9" s="86"/>
      <c r="N9" s="86"/>
      <c r="O9" s="86"/>
      <c r="P9" s="86"/>
      <c r="Q9" s="86"/>
      <c r="R9" s="86"/>
      <c r="S9" s="86"/>
      <c r="T9" s="86"/>
      <c r="U9" s="86"/>
      <c r="V9" s="86"/>
      <c r="W9" s="86"/>
      <c r="X9" s="86"/>
      <c r="Y9" s="86"/>
      <c r="Z9" s="87"/>
    </row>
    <row r="10" spans="2:29" ht="21.95" customHeight="1" x14ac:dyDescent="0.15">
      <c r="B10" s="304"/>
      <c r="C10" s="305"/>
      <c r="D10" s="305"/>
      <c r="E10" s="305"/>
      <c r="F10" s="306"/>
      <c r="G10" s="10" t="s">
        <v>0</v>
      </c>
      <c r="H10" s="6" t="s">
        <v>118</v>
      </c>
      <c r="I10" s="88"/>
      <c r="J10" s="88"/>
      <c r="K10" s="88"/>
      <c r="L10" s="88"/>
      <c r="M10" s="88"/>
      <c r="N10" s="88"/>
      <c r="O10" s="88"/>
      <c r="P10" s="88"/>
      <c r="Q10" s="88"/>
      <c r="R10" s="88"/>
      <c r="S10" s="88"/>
      <c r="T10" s="88"/>
      <c r="U10" s="88"/>
      <c r="V10" s="88"/>
      <c r="W10" s="88"/>
      <c r="X10" s="88"/>
      <c r="Y10" s="88"/>
      <c r="Z10" s="89"/>
    </row>
    <row r="11" spans="2:29" ht="13.5" customHeight="1" x14ac:dyDescent="0.15"/>
    <row r="12" spans="2:29" ht="12.95" customHeight="1" x14ac:dyDescent="0.15">
      <c r="B12" s="17"/>
      <c r="C12" s="28"/>
      <c r="D12" s="28"/>
      <c r="E12" s="28"/>
      <c r="F12" s="28"/>
      <c r="G12" s="28"/>
      <c r="H12" s="28"/>
      <c r="I12" s="28"/>
      <c r="J12" s="28"/>
      <c r="K12" s="28"/>
      <c r="L12" s="28"/>
      <c r="M12" s="28"/>
      <c r="N12" s="28"/>
      <c r="O12" s="28"/>
      <c r="P12" s="28"/>
      <c r="Q12" s="28"/>
      <c r="R12" s="28"/>
      <c r="S12" s="28"/>
      <c r="T12" s="28"/>
      <c r="U12" s="28"/>
      <c r="V12" s="28"/>
      <c r="W12" s="28"/>
      <c r="X12" s="28"/>
      <c r="Y12" s="14"/>
      <c r="Z12" s="15" t="s">
        <v>20</v>
      </c>
      <c r="AA12" s="15" t="s">
        <v>119</v>
      </c>
      <c r="AB12" s="15" t="s">
        <v>21</v>
      </c>
      <c r="AC12" s="29"/>
    </row>
    <row r="13" spans="2:29" ht="17.100000000000001" customHeight="1" x14ac:dyDescent="0.15">
      <c r="B13" s="30" t="s">
        <v>120</v>
      </c>
      <c r="C13" s="31"/>
      <c r="D13" s="31"/>
      <c r="E13" s="31"/>
      <c r="F13" s="31"/>
      <c r="G13" s="31"/>
      <c r="H13" s="31"/>
      <c r="I13" s="31"/>
      <c r="J13" s="31"/>
      <c r="K13" s="31"/>
      <c r="L13" s="31"/>
      <c r="M13" s="31"/>
      <c r="N13" s="31"/>
      <c r="O13" s="31"/>
      <c r="P13" s="31"/>
      <c r="Q13" s="31"/>
      <c r="R13" s="31"/>
      <c r="S13" s="31"/>
      <c r="T13" s="31"/>
      <c r="U13" s="31"/>
      <c r="V13" s="31"/>
      <c r="W13" s="31"/>
      <c r="X13" s="31"/>
      <c r="Y13" s="38"/>
      <c r="Z13" s="37"/>
      <c r="AA13" s="37"/>
      <c r="AB13" s="31"/>
      <c r="AC13" s="32"/>
    </row>
    <row r="14" spans="2:29" ht="17.100000000000001" customHeight="1" x14ac:dyDescent="0.15">
      <c r="B14" s="3"/>
      <c r="C14" s="39" t="s">
        <v>121</v>
      </c>
      <c r="D14" s="413" t="s">
        <v>122</v>
      </c>
      <c r="E14" s="413"/>
      <c r="F14" s="413"/>
      <c r="G14" s="413"/>
      <c r="H14" s="413"/>
      <c r="I14" s="413"/>
      <c r="J14" s="413"/>
      <c r="K14" s="413"/>
      <c r="L14" s="413"/>
      <c r="M14" s="413"/>
      <c r="N14" s="413"/>
      <c r="O14" s="413"/>
      <c r="P14" s="413"/>
      <c r="Q14" s="413"/>
      <c r="R14" s="413"/>
      <c r="S14" s="413"/>
      <c r="T14" s="413"/>
      <c r="U14" s="413"/>
      <c r="V14" s="413"/>
      <c r="W14" s="413"/>
      <c r="Y14" s="41"/>
      <c r="Z14" s="13" t="s">
        <v>0</v>
      </c>
      <c r="AA14" s="13" t="s">
        <v>123</v>
      </c>
      <c r="AB14" s="13" t="s">
        <v>0</v>
      </c>
      <c r="AC14" s="35"/>
    </row>
    <row r="15" spans="2:29" ht="33" customHeight="1" x14ac:dyDescent="0.15">
      <c r="B15" s="3"/>
      <c r="C15" s="39"/>
      <c r="D15" s="413"/>
      <c r="E15" s="413"/>
      <c r="F15" s="413"/>
      <c r="G15" s="413"/>
      <c r="H15" s="413"/>
      <c r="I15" s="413"/>
      <c r="J15" s="413"/>
      <c r="K15" s="413"/>
      <c r="L15" s="413"/>
      <c r="M15" s="413"/>
      <c r="N15" s="413"/>
      <c r="O15" s="413"/>
      <c r="P15" s="413"/>
      <c r="Q15" s="413"/>
      <c r="R15" s="413"/>
      <c r="S15" s="413"/>
      <c r="T15" s="413"/>
      <c r="U15" s="413"/>
      <c r="V15" s="413"/>
      <c r="W15" s="413"/>
      <c r="Y15" s="41"/>
      <c r="Z15" s="13"/>
      <c r="AA15" s="13"/>
      <c r="AB15" s="13"/>
      <c r="AC15" s="35"/>
    </row>
    <row r="16" spans="2:29" ht="19.5" customHeight="1" x14ac:dyDescent="0.15">
      <c r="B16" s="3"/>
      <c r="Y16" s="41"/>
      <c r="Z16" s="13"/>
      <c r="AA16" s="13"/>
      <c r="AC16" s="35"/>
    </row>
    <row r="17" spans="2:29" ht="19.5" customHeight="1" x14ac:dyDescent="0.15">
      <c r="B17" s="3"/>
      <c r="C17" s="39"/>
      <c r="D17" s="42" t="s">
        <v>34</v>
      </c>
      <c r="E17" s="27"/>
      <c r="F17" s="27"/>
      <c r="G17" s="27"/>
      <c r="H17" s="27"/>
      <c r="I17" s="27"/>
      <c r="J17" s="27"/>
      <c r="K17" s="27"/>
      <c r="L17" s="27"/>
      <c r="M17" s="27"/>
      <c r="N17" s="27"/>
      <c r="O17" s="28"/>
      <c r="P17" s="28"/>
      <c r="Q17" s="28"/>
      <c r="R17" s="28"/>
      <c r="S17" s="29"/>
      <c r="T17" s="316"/>
      <c r="U17" s="322"/>
      <c r="V17" s="322"/>
      <c r="W17" s="29" t="s">
        <v>33</v>
      </c>
      <c r="X17" s="90"/>
      <c r="Y17" s="41"/>
      <c r="Z17" s="13"/>
      <c r="AA17" s="13"/>
      <c r="AC17" s="35"/>
    </row>
    <row r="18" spans="2:29" ht="19.5" customHeight="1" x14ac:dyDescent="0.15">
      <c r="B18" s="3"/>
      <c r="C18" s="39"/>
      <c r="D18" s="4"/>
      <c r="E18" s="4"/>
      <c r="F18" s="4"/>
      <c r="G18" s="4"/>
      <c r="H18" s="4"/>
      <c r="I18" s="4"/>
      <c r="J18" s="4"/>
      <c r="K18" s="4"/>
      <c r="L18" s="4"/>
      <c r="M18" s="4"/>
      <c r="N18" s="4"/>
      <c r="U18" s="13"/>
      <c r="V18" s="13"/>
      <c r="W18" s="13"/>
      <c r="Y18" s="41"/>
      <c r="Z18" s="13"/>
      <c r="AA18" s="13"/>
      <c r="AC18" s="35"/>
    </row>
    <row r="19" spans="2:29" ht="19.5" customHeight="1" x14ac:dyDescent="0.15">
      <c r="B19" s="3"/>
      <c r="C19" s="39"/>
      <c r="E19" s="44" t="s">
        <v>35</v>
      </c>
      <c r="Y19" s="41"/>
      <c r="Z19" s="13"/>
      <c r="AA19" s="13"/>
      <c r="AC19" s="35"/>
    </row>
    <row r="20" spans="2:29" ht="19.5" customHeight="1" x14ac:dyDescent="0.15">
      <c r="B20" s="3"/>
      <c r="C20" s="39"/>
      <c r="E20" s="414" t="s">
        <v>124</v>
      </c>
      <c r="F20" s="414"/>
      <c r="G20" s="414"/>
      <c r="H20" s="414"/>
      <c r="I20" s="414"/>
      <c r="J20" s="414"/>
      <c r="K20" s="414"/>
      <c r="L20" s="414"/>
      <c r="M20" s="414"/>
      <c r="N20" s="414"/>
      <c r="O20" s="414" t="s">
        <v>36</v>
      </c>
      <c r="P20" s="414"/>
      <c r="Q20" s="414"/>
      <c r="R20" s="414"/>
      <c r="S20" s="414"/>
      <c r="Y20" s="41"/>
      <c r="Z20" s="13"/>
      <c r="AA20" s="13"/>
      <c r="AC20" s="35"/>
    </row>
    <row r="21" spans="2:29" ht="19.5" customHeight="1" x14ac:dyDescent="0.15">
      <c r="B21" s="3"/>
      <c r="C21" s="39"/>
      <c r="E21" s="414" t="s">
        <v>37</v>
      </c>
      <c r="F21" s="414"/>
      <c r="G21" s="414"/>
      <c r="H21" s="414"/>
      <c r="I21" s="414"/>
      <c r="J21" s="414"/>
      <c r="K21" s="414"/>
      <c r="L21" s="414"/>
      <c r="M21" s="414"/>
      <c r="N21" s="414"/>
      <c r="O21" s="414" t="s">
        <v>38</v>
      </c>
      <c r="P21" s="414"/>
      <c r="Q21" s="414"/>
      <c r="R21" s="414"/>
      <c r="S21" s="414"/>
      <c r="Y21" s="41"/>
      <c r="Z21" s="13"/>
      <c r="AA21" s="13"/>
      <c r="AC21" s="35"/>
    </row>
    <row r="22" spans="2:29" ht="19.5" customHeight="1" x14ac:dyDescent="0.15">
      <c r="B22" s="3"/>
      <c r="C22" s="39"/>
      <c r="E22" s="414" t="s">
        <v>39</v>
      </c>
      <c r="F22" s="414"/>
      <c r="G22" s="414"/>
      <c r="H22" s="414"/>
      <c r="I22" s="414"/>
      <c r="J22" s="414"/>
      <c r="K22" s="414"/>
      <c r="L22" s="414"/>
      <c r="M22" s="414"/>
      <c r="N22" s="414"/>
      <c r="O22" s="414" t="s">
        <v>40</v>
      </c>
      <c r="P22" s="414"/>
      <c r="Q22" s="414"/>
      <c r="R22" s="414"/>
      <c r="S22" s="414"/>
      <c r="Y22" s="41"/>
      <c r="Z22" s="13"/>
      <c r="AA22" s="13"/>
      <c r="AC22" s="35"/>
    </row>
    <row r="23" spans="2:29" ht="19.5" customHeight="1" x14ac:dyDescent="0.15">
      <c r="B23" s="3"/>
      <c r="C23" s="39"/>
      <c r="E23" s="414" t="s">
        <v>41</v>
      </c>
      <c r="F23" s="414"/>
      <c r="G23" s="414"/>
      <c r="H23" s="414"/>
      <c r="I23" s="414"/>
      <c r="J23" s="414"/>
      <c r="K23" s="414"/>
      <c r="L23" s="414"/>
      <c r="M23" s="414"/>
      <c r="N23" s="414"/>
      <c r="O23" s="414" t="s">
        <v>42</v>
      </c>
      <c r="P23" s="414"/>
      <c r="Q23" s="414"/>
      <c r="R23" s="414"/>
      <c r="S23" s="414"/>
      <c r="Y23" s="41"/>
      <c r="Z23" s="13"/>
      <c r="AA23" s="13"/>
      <c r="AC23" s="35"/>
    </row>
    <row r="24" spans="2:29" ht="19.5" customHeight="1" x14ac:dyDescent="0.15">
      <c r="B24" s="3"/>
      <c r="C24" s="39"/>
      <c r="E24" s="414" t="s">
        <v>43</v>
      </c>
      <c r="F24" s="414"/>
      <c r="G24" s="414"/>
      <c r="H24" s="414"/>
      <c r="I24" s="414"/>
      <c r="J24" s="414"/>
      <c r="K24" s="414"/>
      <c r="L24" s="414"/>
      <c r="M24" s="414"/>
      <c r="N24" s="414"/>
      <c r="O24" s="414" t="s">
        <v>44</v>
      </c>
      <c r="P24" s="414"/>
      <c r="Q24" s="414"/>
      <c r="R24" s="414"/>
      <c r="S24" s="414"/>
      <c r="Y24" s="41"/>
      <c r="Z24" s="13"/>
      <c r="AA24" s="13"/>
      <c r="AC24" s="35"/>
    </row>
    <row r="25" spans="2:29" ht="19.5" customHeight="1" x14ac:dyDescent="0.15">
      <c r="B25" s="3"/>
      <c r="C25" s="39"/>
      <c r="E25" s="414" t="s">
        <v>45</v>
      </c>
      <c r="F25" s="414"/>
      <c r="G25" s="414"/>
      <c r="H25" s="414"/>
      <c r="I25" s="414"/>
      <c r="J25" s="414"/>
      <c r="K25" s="414"/>
      <c r="L25" s="414"/>
      <c r="M25" s="414"/>
      <c r="N25" s="414"/>
      <c r="O25" s="414" t="s">
        <v>46</v>
      </c>
      <c r="P25" s="414"/>
      <c r="Q25" s="414"/>
      <c r="R25" s="414"/>
      <c r="S25" s="414"/>
      <c r="Y25" s="41"/>
      <c r="Z25" s="13"/>
      <c r="AA25" s="13"/>
      <c r="AC25" s="35"/>
    </row>
    <row r="26" spans="2:29" ht="19.5" customHeight="1" x14ac:dyDescent="0.15">
      <c r="B26" s="3"/>
      <c r="C26" s="39"/>
      <c r="E26" s="414" t="s">
        <v>47</v>
      </c>
      <c r="F26" s="414"/>
      <c r="G26" s="414"/>
      <c r="H26" s="414"/>
      <c r="I26" s="414"/>
      <c r="J26" s="414"/>
      <c r="K26" s="414"/>
      <c r="L26" s="414"/>
      <c r="M26" s="414"/>
      <c r="N26" s="414"/>
      <c r="O26" s="414" t="s">
        <v>48</v>
      </c>
      <c r="P26" s="414"/>
      <c r="Q26" s="414"/>
      <c r="R26" s="414"/>
      <c r="S26" s="414"/>
      <c r="Y26" s="41"/>
      <c r="Z26" s="13"/>
      <c r="AA26" s="13"/>
      <c r="AC26" s="35"/>
    </row>
    <row r="27" spans="2:29" ht="19.5" customHeight="1" x14ac:dyDescent="0.15">
      <c r="B27" s="3"/>
      <c r="C27" s="39"/>
      <c r="E27" s="414" t="s">
        <v>125</v>
      </c>
      <c r="F27" s="414"/>
      <c r="G27" s="414"/>
      <c r="H27" s="414"/>
      <c r="I27" s="414"/>
      <c r="J27" s="414"/>
      <c r="K27" s="414"/>
      <c r="L27" s="414"/>
      <c r="M27" s="414"/>
      <c r="N27" s="414"/>
      <c r="O27" s="414" t="s">
        <v>125</v>
      </c>
      <c r="P27" s="414"/>
      <c r="Q27" s="414"/>
      <c r="R27" s="414"/>
      <c r="S27" s="414"/>
      <c r="Y27" s="41"/>
      <c r="Z27" s="13"/>
      <c r="AA27" s="13"/>
      <c r="AC27" s="35"/>
    </row>
    <row r="28" spans="2:29" ht="19.5" customHeight="1" x14ac:dyDescent="0.15">
      <c r="B28" s="3"/>
      <c r="C28" s="39"/>
      <c r="J28" s="302"/>
      <c r="K28" s="302"/>
      <c r="L28" s="302"/>
      <c r="M28" s="302"/>
      <c r="N28" s="302"/>
      <c r="O28" s="302"/>
      <c r="P28" s="302"/>
      <c r="Q28" s="302"/>
      <c r="R28" s="302"/>
      <c r="S28" s="302"/>
      <c r="T28" s="302"/>
      <c r="U28" s="302"/>
      <c r="V28" s="302"/>
      <c r="Y28" s="41"/>
      <c r="Z28" s="13"/>
      <c r="AA28" s="13"/>
      <c r="AC28" s="35"/>
    </row>
    <row r="29" spans="2:29" ht="19.149999999999999" customHeight="1" x14ac:dyDescent="0.15">
      <c r="B29" s="3"/>
      <c r="C29" s="39" t="s">
        <v>126</v>
      </c>
      <c r="D29" s="413" t="s">
        <v>127</v>
      </c>
      <c r="E29" s="413"/>
      <c r="F29" s="413"/>
      <c r="G29" s="413"/>
      <c r="H29" s="413"/>
      <c r="I29" s="413"/>
      <c r="J29" s="413"/>
      <c r="K29" s="413"/>
      <c r="L29" s="413"/>
      <c r="M29" s="413"/>
      <c r="N29" s="413"/>
      <c r="O29" s="413"/>
      <c r="P29" s="413"/>
      <c r="Q29" s="413"/>
      <c r="R29" s="413"/>
      <c r="S29" s="413"/>
      <c r="T29" s="413"/>
      <c r="U29" s="413"/>
      <c r="V29" s="413"/>
      <c r="W29" s="413"/>
      <c r="Y29" s="40"/>
      <c r="Z29" s="13" t="s">
        <v>0</v>
      </c>
      <c r="AA29" s="13" t="s">
        <v>128</v>
      </c>
      <c r="AB29" s="13" t="s">
        <v>0</v>
      </c>
      <c r="AC29" s="35"/>
    </row>
    <row r="30" spans="2:29" ht="19.899999999999999" customHeight="1" x14ac:dyDescent="0.15">
      <c r="B30" s="3"/>
      <c r="D30" s="413"/>
      <c r="E30" s="413"/>
      <c r="F30" s="413"/>
      <c r="G30" s="413"/>
      <c r="H30" s="413"/>
      <c r="I30" s="413"/>
      <c r="J30" s="413"/>
      <c r="K30" s="413"/>
      <c r="L30" s="413"/>
      <c r="M30" s="413"/>
      <c r="N30" s="413"/>
      <c r="O30" s="413"/>
      <c r="P30" s="413"/>
      <c r="Q30" s="413"/>
      <c r="R30" s="413"/>
      <c r="S30" s="413"/>
      <c r="T30" s="413"/>
      <c r="U30" s="413"/>
      <c r="V30" s="413"/>
      <c r="W30" s="413"/>
      <c r="Y30" s="41"/>
      <c r="Z30" s="13"/>
      <c r="AA30" s="13"/>
      <c r="AC30" s="35"/>
    </row>
    <row r="31" spans="2:29" ht="13.5" customHeight="1" x14ac:dyDescent="0.15">
      <c r="B31" s="3"/>
      <c r="Y31" s="41"/>
      <c r="Z31" s="13"/>
      <c r="AA31" s="13"/>
      <c r="AC31" s="35"/>
    </row>
    <row r="32" spans="2:29" ht="32.450000000000003" customHeight="1" x14ac:dyDescent="0.15">
      <c r="B32" s="3"/>
      <c r="C32" s="39" t="s">
        <v>129</v>
      </c>
      <c r="D32" s="413" t="s">
        <v>130</v>
      </c>
      <c r="E32" s="413"/>
      <c r="F32" s="413"/>
      <c r="G32" s="413"/>
      <c r="H32" s="413"/>
      <c r="I32" s="413"/>
      <c r="J32" s="413"/>
      <c r="K32" s="413"/>
      <c r="L32" s="413"/>
      <c r="M32" s="413"/>
      <c r="N32" s="413"/>
      <c r="O32" s="413"/>
      <c r="P32" s="413"/>
      <c r="Q32" s="413"/>
      <c r="R32" s="413"/>
      <c r="S32" s="413"/>
      <c r="T32" s="413"/>
      <c r="U32" s="413"/>
      <c r="V32" s="413"/>
      <c r="W32" s="413"/>
      <c r="Y32" s="40"/>
      <c r="Z32" s="13" t="s">
        <v>0</v>
      </c>
      <c r="AA32" s="13" t="s">
        <v>128</v>
      </c>
      <c r="AB32" s="13" t="s">
        <v>0</v>
      </c>
      <c r="AC32" s="35"/>
    </row>
    <row r="33" spans="1:32" x14ac:dyDescent="0.15">
      <c r="B33" s="3"/>
      <c r="D33" s="413"/>
      <c r="E33" s="413"/>
      <c r="F33" s="413"/>
      <c r="G33" s="413"/>
      <c r="H33" s="413"/>
      <c r="I33" s="413"/>
      <c r="J33" s="413"/>
      <c r="K33" s="413"/>
      <c r="L33" s="413"/>
      <c r="M33" s="413"/>
      <c r="N33" s="413"/>
      <c r="O33" s="413"/>
      <c r="P33" s="413"/>
      <c r="Q33" s="413"/>
      <c r="R33" s="413"/>
      <c r="S33" s="413"/>
      <c r="T33" s="413"/>
      <c r="U33" s="413"/>
      <c r="V33" s="413"/>
      <c r="W33" s="413"/>
      <c r="Y33" s="41"/>
      <c r="Z33" s="13"/>
      <c r="AA33" s="13"/>
      <c r="AC33" s="35"/>
    </row>
    <row r="34" spans="1:32" x14ac:dyDescent="0.15">
      <c r="B34" s="3"/>
      <c r="Y34" s="41"/>
      <c r="Z34" s="13"/>
      <c r="AA34" s="13"/>
      <c r="AC34" s="35"/>
    </row>
    <row r="35" spans="1:32" x14ac:dyDescent="0.15">
      <c r="B35" s="3"/>
      <c r="C35" s="39" t="s">
        <v>131</v>
      </c>
      <c r="D35" s="413" t="s">
        <v>132</v>
      </c>
      <c r="E35" s="413"/>
      <c r="F35" s="413"/>
      <c r="G35" s="413"/>
      <c r="H35" s="413"/>
      <c r="I35" s="413"/>
      <c r="J35" s="413"/>
      <c r="K35" s="413"/>
      <c r="L35" s="413"/>
      <c r="M35" s="413"/>
      <c r="N35" s="413"/>
      <c r="O35" s="413"/>
      <c r="P35" s="413"/>
      <c r="Q35" s="413"/>
      <c r="R35" s="413"/>
      <c r="S35" s="413"/>
      <c r="T35" s="413"/>
      <c r="U35" s="413"/>
      <c r="V35" s="413"/>
      <c r="W35" s="413"/>
      <c r="Y35" s="40"/>
      <c r="Z35" s="13" t="s">
        <v>0</v>
      </c>
      <c r="AA35" s="13" t="s">
        <v>128</v>
      </c>
      <c r="AB35" s="13" t="s">
        <v>0</v>
      </c>
      <c r="AC35" s="35"/>
    </row>
    <row r="36" spans="1:32" x14ac:dyDescent="0.15">
      <c r="B36" s="3"/>
      <c r="C36" s="39"/>
      <c r="D36" s="413"/>
      <c r="E36" s="413"/>
      <c r="F36" s="413"/>
      <c r="G36" s="413"/>
      <c r="H36" s="413"/>
      <c r="I36" s="413"/>
      <c r="J36" s="413"/>
      <c r="K36" s="413"/>
      <c r="L36" s="413"/>
      <c r="M36" s="413"/>
      <c r="N36" s="413"/>
      <c r="O36" s="413"/>
      <c r="P36" s="413"/>
      <c r="Q36" s="413"/>
      <c r="R36" s="413"/>
      <c r="S36" s="413"/>
      <c r="T36" s="413"/>
      <c r="U36" s="413"/>
      <c r="V36" s="413"/>
      <c r="W36" s="413"/>
      <c r="Y36" s="41"/>
      <c r="Z36" s="13"/>
      <c r="AA36" s="13"/>
      <c r="AC36" s="35"/>
    </row>
    <row r="37" spans="1:32" x14ac:dyDescent="0.15">
      <c r="A37" s="35"/>
      <c r="B37" s="6"/>
      <c r="C37" s="6"/>
      <c r="D37" s="6"/>
      <c r="E37" s="6"/>
      <c r="F37" s="6"/>
      <c r="G37" s="6"/>
      <c r="H37" s="6"/>
      <c r="I37" s="6"/>
      <c r="J37" s="6"/>
      <c r="K37" s="6"/>
      <c r="L37" s="6"/>
      <c r="M37" s="6"/>
      <c r="N37" s="6"/>
      <c r="O37" s="6"/>
      <c r="P37" s="6"/>
      <c r="Q37" s="6"/>
      <c r="R37" s="6"/>
      <c r="S37" s="6"/>
      <c r="T37" s="6"/>
      <c r="U37" s="6"/>
      <c r="V37" s="6"/>
      <c r="W37" s="6"/>
      <c r="X37" s="6"/>
      <c r="Y37" s="10"/>
      <c r="Z37" s="11"/>
      <c r="AA37" s="11"/>
      <c r="AB37" s="6"/>
      <c r="AC37" s="6"/>
      <c r="AD37" s="3"/>
    </row>
    <row r="38" spans="1:32" x14ac:dyDescent="0.15">
      <c r="B38" s="3" t="s">
        <v>133</v>
      </c>
      <c r="C38" s="31"/>
      <c r="Y38" s="41"/>
      <c r="Z38" s="13"/>
      <c r="AA38" s="13"/>
      <c r="AC38" s="35"/>
    </row>
    <row r="39" spans="1:32" x14ac:dyDescent="0.15">
      <c r="B39" s="3"/>
      <c r="C39" s="39" t="s">
        <v>134</v>
      </c>
      <c r="D39" s="413" t="s">
        <v>135</v>
      </c>
      <c r="E39" s="413"/>
      <c r="F39" s="413"/>
      <c r="G39" s="413"/>
      <c r="H39" s="413"/>
      <c r="I39" s="413"/>
      <c r="J39" s="413"/>
      <c r="K39" s="413"/>
      <c r="L39" s="413"/>
      <c r="M39" s="413"/>
      <c r="N39" s="413"/>
      <c r="O39" s="413"/>
      <c r="P39" s="413"/>
      <c r="Q39" s="413"/>
      <c r="R39" s="413"/>
      <c r="S39" s="413"/>
      <c r="T39" s="413"/>
      <c r="U39" s="413"/>
      <c r="V39" s="413"/>
      <c r="W39" s="413"/>
      <c r="Y39" s="40"/>
      <c r="Z39" s="13" t="s">
        <v>0</v>
      </c>
      <c r="AA39" s="13" t="s">
        <v>123</v>
      </c>
      <c r="AB39" s="13" t="s">
        <v>0</v>
      </c>
      <c r="AC39" s="35"/>
    </row>
    <row r="40" spans="1:32" x14ac:dyDescent="0.15">
      <c r="B40" s="3"/>
      <c r="D40" s="413"/>
      <c r="E40" s="413"/>
      <c r="F40" s="413"/>
      <c r="G40" s="413"/>
      <c r="H40" s="413"/>
      <c r="I40" s="413"/>
      <c r="J40" s="413"/>
      <c r="K40" s="413"/>
      <c r="L40" s="413"/>
      <c r="M40" s="413"/>
      <c r="N40" s="413"/>
      <c r="O40" s="413"/>
      <c r="P40" s="413"/>
      <c r="Q40" s="413"/>
      <c r="R40" s="413"/>
      <c r="S40" s="413"/>
      <c r="T40" s="413"/>
      <c r="U40" s="413"/>
      <c r="V40" s="413"/>
      <c r="W40" s="413"/>
      <c r="Y40" s="41"/>
      <c r="Z40" s="13"/>
      <c r="AA40" s="13"/>
      <c r="AC40" s="35"/>
    </row>
    <row r="41" spans="1:32" x14ac:dyDescent="0.15">
      <c r="B41" s="1"/>
      <c r="C41" s="45"/>
      <c r="D41" s="6"/>
      <c r="E41" s="6"/>
      <c r="F41" s="6"/>
      <c r="G41" s="6"/>
      <c r="H41" s="6"/>
      <c r="I41" s="6"/>
      <c r="J41" s="6"/>
      <c r="K41" s="6"/>
      <c r="L41" s="6"/>
      <c r="M41" s="6"/>
      <c r="N41" s="6"/>
      <c r="O41" s="6"/>
      <c r="P41" s="6"/>
      <c r="Q41" s="6"/>
      <c r="R41" s="6"/>
      <c r="S41" s="6"/>
      <c r="T41" s="6"/>
      <c r="U41" s="6"/>
      <c r="V41" s="6"/>
      <c r="W41" s="6"/>
      <c r="X41" s="6"/>
      <c r="Y41" s="10"/>
      <c r="Z41" s="11"/>
      <c r="AA41" s="11"/>
      <c r="AB41" s="6"/>
      <c r="AC41" s="5"/>
    </row>
    <row r="42" spans="1:32" ht="18.75" customHeight="1" x14ac:dyDescent="0.15">
      <c r="B42" s="412" t="s">
        <v>136</v>
      </c>
      <c r="C42" s="412"/>
      <c r="D42" s="412"/>
      <c r="E42" s="412"/>
      <c r="F42" s="412"/>
      <c r="G42" s="412"/>
      <c r="H42" s="412"/>
      <c r="I42" s="412"/>
      <c r="J42" s="412"/>
      <c r="K42" s="412"/>
      <c r="L42" s="412"/>
      <c r="M42" s="412"/>
      <c r="N42" s="412"/>
      <c r="O42" s="412"/>
      <c r="P42" s="412"/>
      <c r="Q42" s="412"/>
      <c r="R42" s="412"/>
      <c r="S42" s="412"/>
      <c r="T42" s="412"/>
      <c r="U42" s="412"/>
      <c r="V42" s="412"/>
      <c r="W42" s="412"/>
      <c r="X42" s="412"/>
      <c r="Y42" s="412"/>
      <c r="Z42" s="412"/>
      <c r="AA42" s="412"/>
      <c r="AB42" s="412"/>
      <c r="AC42" s="412"/>
    </row>
    <row r="43" spans="1:32" ht="17.25" customHeight="1" x14ac:dyDescent="0.15">
      <c r="B43" s="413"/>
      <c r="C43" s="413"/>
      <c r="D43" s="413"/>
      <c r="E43" s="413"/>
      <c r="F43" s="413"/>
      <c r="G43" s="413"/>
      <c r="H43" s="413"/>
      <c r="I43" s="413"/>
      <c r="J43" s="413"/>
      <c r="K43" s="413"/>
      <c r="L43" s="413"/>
      <c r="M43" s="413"/>
      <c r="N43" s="413"/>
      <c r="O43" s="413"/>
      <c r="P43" s="413"/>
      <c r="Q43" s="413"/>
      <c r="R43" s="413"/>
      <c r="S43" s="413"/>
      <c r="T43" s="413"/>
      <c r="U43" s="413"/>
      <c r="V43" s="413"/>
      <c r="W43" s="413"/>
      <c r="X43" s="413"/>
      <c r="Y43" s="413"/>
      <c r="Z43" s="413"/>
      <c r="AA43" s="413"/>
      <c r="AB43" s="413"/>
      <c r="AC43" s="413"/>
    </row>
    <row r="44" spans="1:32" x14ac:dyDescent="0.15">
      <c r="B44" s="413" t="s">
        <v>137</v>
      </c>
      <c r="C44" s="413"/>
      <c r="D44" s="413"/>
      <c r="E44" s="413"/>
      <c r="F44" s="413"/>
      <c r="G44" s="413"/>
      <c r="H44" s="413"/>
      <c r="I44" s="413"/>
      <c r="J44" s="413"/>
      <c r="K44" s="413"/>
      <c r="L44" s="413"/>
      <c r="M44" s="413"/>
      <c r="N44" s="413"/>
      <c r="O44" s="413"/>
      <c r="P44" s="413"/>
      <c r="Q44" s="413"/>
      <c r="R44" s="413"/>
      <c r="S44" s="413"/>
      <c r="T44" s="413"/>
      <c r="U44" s="413"/>
      <c r="V44" s="413"/>
      <c r="W44" s="413"/>
      <c r="X44" s="413"/>
      <c r="Y44" s="413"/>
      <c r="Z44" s="413"/>
      <c r="AA44" s="413"/>
      <c r="AB44" s="413"/>
      <c r="AC44" s="413"/>
    </row>
    <row r="45" spans="1:32" x14ac:dyDescent="0.15">
      <c r="B45" s="413"/>
      <c r="C45" s="413"/>
      <c r="D45" s="413"/>
      <c r="E45" s="413"/>
      <c r="F45" s="413"/>
      <c r="G45" s="413"/>
      <c r="H45" s="413"/>
      <c r="I45" s="413"/>
      <c r="J45" s="413"/>
      <c r="K45" s="413"/>
      <c r="L45" s="413"/>
      <c r="M45" s="413"/>
      <c r="N45" s="413"/>
      <c r="O45" s="413"/>
      <c r="P45" s="413"/>
      <c r="Q45" s="413"/>
      <c r="R45" s="413"/>
      <c r="S45" s="413"/>
      <c r="T45" s="413"/>
      <c r="U45" s="413"/>
      <c r="V45" s="413"/>
      <c r="W45" s="413"/>
      <c r="X45" s="413"/>
      <c r="Y45" s="413"/>
      <c r="Z45" s="413"/>
      <c r="AA45" s="413"/>
      <c r="AB45" s="413"/>
      <c r="AC45" s="413"/>
    </row>
    <row r="46" spans="1:32" ht="18" customHeight="1" x14ac:dyDescent="0.15">
      <c r="B46" s="413"/>
      <c r="C46" s="413"/>
      <c r="D46" s="413"/>
      <c r="E46" s="413"/>
      <c r="F46" s="413"/>
      <c r="G46" s="413"/>
      <c r="H46" s="413"/>
      <c r="I46" s="413"/>
      <c r="J46" s="413"/>
      <c r="K46" s="413"/>
      <c r="L46" s="413"/>
      <c r="M46" s="413"/>
      <c r="N46" s="413"/>
      <c r="O46" s="413"/>
      <c r="P46" s="413"/>
      <c r="Q46" s="413"/>
      <c r="R46" s="413"/>
      <c r="S46" s="413"/>
      <c r="T46" s="413"/>
      <c r="U46" s="413"/>
      <c r="V46" s="413"/>
      <c r="W46" s="413"/>
      <c r="X46" s="413"/>
      <c r="Y46" s="413"/>
      <c r="Z46" s="413"/>
      <c r="AA46" s="413"/>
      <c r="AB46" s="413"/>
      <c r="AC46" s="413"/>
    </row>
    <row r="47" spans="1:32" x14ac:dyDescent="0.15">
      <c r="D47" s="34" t="s">
        <v>138</v>
      </c>
      <c r="K47" s="91"/>
      <c r="L47" s="413" t="s">
        <v>139</v>
      </c>
      <c r="M47" s="413"/>
      <c r="N47" s="413"/>
      <c r="O47" s="413"/>
      <c r="P47" s="413"/>
      <c r="Q47" s="413"/>
      <c r="R47" s="413"/>
      <c r="S47" s="413"/>
      <c r="T47" s="413"/>
      <c r="U47" s="413"/>
      <c r="V47" s="413"/>
      <c r="W47" s="413"/>
      <c r="X47" s="413"/>
      <c r="Y47" s="413"/>
      <c r="Z47" s="413"/>
      <c r="AA47" s="413"/>
      <c r="AB47" s="413"/>
      <c r="AC47" s="91"/>
    </row>
    <row r="48" spans="1:32" x14ac:dyDescent="0.15">
      <c r="K48" s="91"/>
      <c r="L48" s="413"/>
      <c r="M48" s="413"/>
      <c r="N48" s="413"/>
      <c r="O48" s="413"/>
      <c r="P48" s="413"/>
      <c r="Q48" s="413"/>
      <c r="R48" s="413"/>
      <c r="S48" s="413"/>
      <c r="T48" s="413"/>
      <c r="U48" s="413"/>
      <c r="V48" s="413"/>
      <c r="W48" s="413"/>
      <c r="X48" s="413"/>
      <c r="Y48" s="413"/>
      <c r="Z48" s="413"/>
      <c r="AA48" s="413"/>
      <c r="AB48" s="413"/>
      <c r="AC48" s="91"/>
      <c r="AF48" s="34" t="s">
        <v>140</v>
      </c>
    </row>
    <row r="49" spans="2:29" ht="49.5" customHeight="1" x14ac:dyDescent="0.15">
      <c r="K49" s="91"/>
      <c r="L49" s="413"/>
      <c r="M49" s="413"/>
      <c r="N49" s="413"/>
      <c r="O49" s="413"/>
      <c r="P49" s="413"/>
      <c r="Q49" s="413"/>
      <c r="R49" s="413"/>
      <c r="S49" s="413"/>
      <c r="T49" s="413"/>
      <c r="U49" s="413"/>
      <c r="V49" s="413"/>
      <c r="W49" s="413"/>
      <c r="X49" s="413"/>
      <c r="Y49" s="413"/>
      <c r="Z49" s="413"/>
      <c r="AA49" s="413"/>
      <c r="AB49" s="413"/>
      <c r="AC49" s="91"/>
    </row>
    <row r="50" spans="2:29" x14ac:dyDescent="0.15">
      <c r="B50" s="413" t="s">
        <v>141</v>
      </c>
      <c r="C50" s="413"/>
      <c r="D50" s="413"/>
      <c r="E50" s="413"/>
      <c r="F50" s="413"/>
      <c r="G50" s="413"/>
      <c r="H50" s="413"/>
      <c r="I50" s="413"/>
      <c r="J50" s="413"/>
      <c r="K50" s="413"/>
      <c r="L50" s="413"/>
      <c r="M50" s="413"/>
      <c r="N50" s="413"/>
      <c r="O50" s="413"/>
      <c r="P50" s="413"/>
      <c r="Q50" s="413"/>
      <c r="R50" s="413"/>
      <c r="S50" s="413"/>
      <c r="T50" s="413"/>
      <c r="U50" s="413"/>
      <c r="V50" s="413"/>
      <c r="W50" s="413"/>
      <c r="X50" s="413"/>
      <c r="Y50" s="413"/>
      <c r="Z50" s="413"/>
      <c r="AA50" s="413"/>
      <c r="AB50" s="413"/>
      <c r="AC50" s="413"/>
    </row>
    <row r="51" spans="2:29" x14ac:dyDescent="0.15">
      <c r="B51" s="413"/>
      <c r="C51" s="413"/>
      <c r="D51" s="413"/>
      <c r="E51" s="413"/>
      <c r="F51" s="413"/>
      <c r="G51" s="413"/>
      <c r="H51" s="413"/>
      <c r="I51" s="413"/>
      <c r="J51" s="413"/>
      <c r="K51" s="413"/>
      <c r="L51" s="413"/>
      <c r="M51" s="413"/>
      <c r="N51" s="413"/>
      <c r="O51" s="413"/>
      <c r="P51" s="413"/>
      <c r="Q51" s="413"/>
      <c r="R51" s="413"/>
      <c r="S51" s="413"/>
      <c r="T51" s="413"/>
      <c r="U51" s="413"/>
      <c r="V51" s="413"/>
      <c r="W51" s="413"/>
      <c r="X51" s="413"/>
      <c r="Y51" s="413"/>
      <c r="Z51" s="413"/>
      <c r="AA51" s="413"/>
      <c r="AB51" s="413"/>
      <c r="AC51" s="413"/>
    </row>
    <row r="52" spans="2:29" ht="30" customHeight="1" x14ac:dyDescent="0.15">
      <c r="B52" s="413"/>
      <c r="C52" s="413"/>
      <c r="D52" s="413"/>
      <c r="E52" s="413"/>
      <c r="F52" s="413"/>
      <c r="G52" s="413"/>
      <c r="H52" s="413"/>
      <c r="I52" s="413"/>
      <c r="J52" s="413"/>
      <c r="K52" s="413"/>
      <c r="L52" s="413"/>
      <c r="M52" s="413"/>
      <c r="N52" s="413"/>
      <c r="O52" s="413"/>
      <c r="P52" s="413"/>
      <c r="Q52" s="413"/>
      <c r="R52" s="413"/>
      <c r="S52" s="413"/>
      <c r="T52" s="413"/>
      <c r="U52" s="413"/>
      <c r="V52" s="413"/>
      <c r="W52" s="413"/>
      <c r="X52" s="413"/>
      <c r="Y52" s="413"/>
      <c r="Z52" s="413"/>
      <c r="AA52" s="413"/>
      <c r="AB52" s="413"/>
      <c r="AC52" s="413"/>
    </row>
    <row r="120" spans="3:7" x14ac:dyDescent="0.15">
      <c r="C120" s="6"/>
      <c r="D120" s="6"/>
      <c r="E120" s="6"/>
      <c r="F120" s="6"/>
      <c r="G120" s="6"/>
    </row>
    <row r="121" spans="3:7" x14ac:dyDescent="0.15">
      <c r="C121" s="31"/>
    </row>
  </sheetData>
  <mergeCells count="34">
    <mergeCell ref="B9:F10"/>
    <mergeCell ref="B4:Z4"/>
    <mergeCell ref="B5:Z5"/>
    <mergeCell ref="B7:F7"/>
    <mergeCell ref="G7:Z7"/>
    <mergeCell ref="B8:F8"/>
    <mergeCell ref="D14:W15"/>
    <mergeCell ref="T17:V17"/>
    <mergeCell ref="E20:N20"/>
    <mergeCell ref="O20:S20"/>
    <mergeCell ref="E21:N21"/>
    <mergeCell ref="O21:S21"/>
    <mergeCell ref="E22:N22"/>
    <mergeCell ref="O22:S22"/>
    <mergeCell ref="E23:N23"/>
    <mergeCell ref="O23:S23"/>
    <mergeCell ref="E24:N24"/>
    <mergeCell ref="O24:S24"/>
    <mergeCell ref="E25:N25"/>
    <mergeCell ref="O25:S25"/>
    <mergeCell ref="E26:N26"/>
    <mergeCell ref="O26:S26"/>
    <mergeCell ref="E27:N27"/>
    <mergeCell ref="O27:S27"/>
    <mergeCell ref="B42:AC43"/>
    <mergeCell ref="B44:AC46"/>
    <mergeCell ref="L47:AB49"/>
    <mergeCell ref="B50:AC52"/>
    <mergeCell ref="J28:S28"/>
    <mergeCell ref="T28:V28"/>
    <mergeCell ref="D29:W30"/>
    <mergeCell ref="D32:W33"/>
    <mergeCell ref="D35:W36"/>
    <mergeCell ref="D39:W40"/>
  </mergeCells>
  <phoneticPr fontId="3"/>
  <dataValidations count="1">
    <dataValidation type="list" allowBlank="1" showInputMessage="1" showErrorMessage="1" sqref="Z14:Z15 AB14:AB15 Z29 AB29 Z39 AB39 G8:G10 L8 Q8 Z32 AB32 Z35 AB35">
      <formula1>"□,■"</formula1>
    </dataValidation>
  </dataValidations>
  <pageMargins left="0.7" right="0.7" top="0.75" bottom="0.75" header="0.3" footer="0.3"/>
  <pageSetup paperSize="9" scale="65" orientation="portrait" r:id="rId1"/>
  <rowBreaks count="1" manualBreakCount="1">
    <brk id="5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9</vt:i4>
      </vt:variant>
    </vt:vector>
  </HeadingPairs>
  <TitlesOfParts>
    <vt:vector size="19" baseType="lpstr">
      <vt:lpstr>添付書類一覧（小規模多機能型居宅介護）</vt:lpstr>
      <vt:lpstr>別紙5-2</vt:lpstr>
      <vt:lpstr>別紙７-a</vt:lpstr>
      <vt:lpstr>別紙13</vt:lpstr>
      <vt:lpstr>別紙14－5</vt:lpstr>
      <vt:lpstr>別紙28</vt:lpstr>
      <vt:lpstr>別紙28-2</vt:lpstr>
      <vt:lpstr>別紙42</vt:lpstr>
      <vt:lpstr>別紙44</vt:lpstr>
      <vt:lpstr>別紙45</vt:lpstr>
      <vt:lpstr>別紙13!Print_Area</vt:lpstr>
      <vt:lpstr>'別紙14－5'!Print_Area</vt:lpstr>
      <vt:lpstr>別紙28!Print_Area</vt:lpstr>
      <vt:lpstr>別紙42!Print_Area</vt:lpstr>
      <vt:lpstr>別紙44!Print_Area</vt:lpstr>
      <vt:lpstr>別紙45!Print_Area</vt:lpstr>
      <vt:lpstr>'別紙5-2'!Print_Area</vt:lpstr>
      <vt:lpstr>'別紙７-a'!Print_Area</vt:lpstr>
      <vt:lpstr>'添付書類一覧（小規模多機能型居宅介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45:45Z</dcterms:created>
  <dcterms:modified xsi:type="dcterms:W3CDTF">2024-03-23T03:53:50Z</dcterms:modified>
</cp:coreProperties>
</file>